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tags/tag30.xml" ContentType="application/vnd.openxmlformats-officedocument.presentationml.tags+xml"/>
  <Override PartName="/ppt/notesSlides/notesSlide2.xml" ContentType="application/vnd.openxmlformats-officedocument.presentationml.notesSlide+xml"/>
  <Override PartName="/ppt/tags/tag31.xml" ContentType="application/vnd.openxmlformats-officedocument.presentationml.tags+xml"/>
  <Override PartName="/ppt/notesSlides/notesSlide3.xml" ContentType="application/vnd.openxmlformats-officedocument.presentationml.notesSlide+xml"/>
  <Override PartName="/ppt/tags/tag32.xml" ContentType="application/vnd.openxmlformats-officedocument.presentationml.tags+xml"/>
  <Override PartName="/ppt/notesSlides/notesSlide4.xml" ContentType="application/vnd.openxmlformats-officedocument.presentationml.notesSlide+xml"/>
  <Override PartName="/ppt/tags/tag33.xml" ContentType="application/vnd.openxmlformats-officedocument.presentationml.tags+xml"/>
  <Override PartName="/ppt/notesSlides/notesSlide5.xml" ContentType="application/vnd.openxmlformats-officedocument.presentationml.notesSlide+xml"/>
  <Override PartName="/ppt/tags/tag34.xml" ContentType="application/vnd.openxmlformats-officedocument.presentationml.tags+xml"/>
  <Override PartName="/ppt/notesSlides/notesSlide6.xml" ContentType="application/vnd.openxmlformats-officedocument.presentationml.notesSlide+xml"/>
  <Override PartName="/ppt/tags/tag35.xml" ContentType="application/vnd.openxmlformats-officedocument.presentationml.tags+xml"/>
  <Override PartName="/ppt/notesSlides/notesSlide7.xml" ContentType="application/vnd.openxmlformats-officedocument.presentationml.notesSlide+xml"/>
  <Override PartName="/ppt/tags/tag36.xml" ContentType="application/vnd.openxmlformats-officedocument.presentationml.tags+xml"/>
  <Override PartName="/ppt/notesSlides/notesSlide8.xml" ContentType="application/vnd.openxmlformats-officedocument.presentationml.notesSlide+xml"/>
  <Override PartName="/ppt/tags/tag37.xml" ContentType="application/vnd.openxmlformats-officedocument.presentationml.tags+xml"/>
  <Override PartName="/ppt/notesSlides/notesSlide9.xml" ContentType="application/vnd.openxmlformats-officedocument.presentationml.notesSlide+xml"/>
  <Override PartName="/ppt/tags/tag38.xml" ContentType="application/vnd.openxmlformats-officedocument.presentationml.tags+xml"/>
  <Override PartName="/ppt/notesSlides/notesSlide10.xml" ContentType="application/vnd.openxmlformats-officedocument.presentationml.notesSlide+xml"/>
  <Override PartName="/ppt/tags/tag39.xml" ContentType="application/vnd.openxmlformats-officedocument.presentationml.tags+xml"/>
  <Override PartName="/ppt/notesSlides/notesSlide11.xml" ContentType="application/vnd.openxmlformats-officedocument.presentationml.notesSlide+xml"/>
  <Override PartName="/ppt/tags/tag40.xml" ContentType="application/vnd.openxmlformats-officedocument.presentationml.tags+xml"/>
  <Override PartName="/ppt/tags/tag41.xml" ContentType="application/vnd.openxmlformats-officedocument.presentationml.tags+xml"/>
  <Override PartName="/ppt/tags/tag42.xml" ContentType="application/vnd.openxmlformats-officedocument.presentationml.tags+xml"/>
  <Override PartName="/ppt/tags/tag43.xml" ContentType="application/vnd.openxmlformats-officedocument.presentationml.tags+xml"/>
  <Override PartName="/ppt/notesSlides/notesSlide1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0" r:id="rId2"/>
  </p:sldMasterIdLst>
  <p:notesMasterIdLst>
    <p:notesMasterId r:id="rId15"/>
  </p:notesMasterIdLst>
  <p:sldIdLst>
    <p:sldId id="256" r:id="rId3"/>
    <p:sldId id="257" r:id="rId4"/>
    <p:sldId id="265" r:id="rId5"/>
    <p:sldId id="271" r:id="rId6"/>
    <p:sldId id="280" r:id="rId7"/>
    <p:sldId id="267" r:id="rId8"/>
    <p:sldId id="281" r:id="rId9"/>
    <p:sldId id="269" r:id="rId10"/>
    <p:sldId id="282" r:id="rId11"/>
    <p:sldId id="283" r:id="rId12"/>
    <p:sldId id="284" r:id="rId13"/>
    <p:sldId id="279" r:id="rId14"/>
  </p:sldIdLst>
  <p:sldSz cx="12192000" cy="6858000"/>
  <p:notesSz cx="6858000" cy="9144000"/>
  <p:custDataLst>
    <p:tags r:id="rId1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B4C9C"/>
    <a:srgbClr val="75B6E5"/>
    <a:srgbClr val="B4C7E7"/>
    <a:srgbClr val="DAE3F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987" autoAdjust="0"/>
    <p:restoredTop sz="94660"/>
  </p:normalViewPr>
  <p:slideViewPr>
    <p:cSldViewPr snapToGrid="0">
      <p:cViewPr varScale="1">
        <p:scale>
          <a:sx n="70" d="100"/>
          <a:sy n="70" d="100"/>
        </p:scale>
        <p:origin x="798" y="66"/>
      </p:cViewPr>
      <p:guideLst/>
    </p:cSldViewPr>
  </p:slideViewPr>
  <p:notesTextViewPr>
    <p:cViewPr>
      <p:scale>
        <a:sx n="3" d="2"/>
        <a:sy n="3" d="2"/>
      </p:scale>
      <p:origin x="0" y="0"/>
    </p:cViewPr>
  </p:notesTextViewPr>
  <p:sorterViewPr>
    <p:cViewPr varScale="1">
      <p:scale>
        <a:sx n="1" d="1"/>
        <a:sy n="1" d="1"/>
      </p:scale>
      <p:origin x="0" y="-312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viewProps" Target="viewProps.xml"/><Relationship Id="rId3" Type="http://schemas.openxmlformats.org/officeDocument/2006/relationships/slide" Target="slides/slide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presProps" Target="presProps.xml"/><Relationship Id="rId2" Type="http://schemas.openxmlformats.org/officeDocument/2006/relationships/slideMaster" Target="slideMasters/slideMaster2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5" Type="http://schemas.openxmlformats.org/officeDocument/2006/relationships/slide" Target="slides/slide3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8.xml"/><Relationship Id="rId19" Type="http://schemas.openxmlformats.org/officeDocument/2006/relationships/theme" Target="theme/theme1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 dirty="0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9B8A149-5442-4761-9974-BB2C0D9BB390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 dirty="0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 dirty="0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FDDF30D-9ABD-4417-B788-53A4E4DEFFF9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28163440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FDDF30D-9ABD-4417-B788-53A4E4DEFFF9}" type="slidenum">
              <a:rPr lang="ru-RU" smtClean="0"/>
              <a:t>1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86137050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0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63889808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1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378093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2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08924134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FDDF30D-9ABD-4417-B788-53A4E4DEFFF9}" type="slidenum">
              <a:rPr lang="ru-RU" smtClean="0"/>
              <a:t>2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8760209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3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3584068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4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6927808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5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645033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6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9256415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7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3170484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8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75286301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9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78043816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3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4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5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6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7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8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9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0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1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2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3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4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5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6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7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8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19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0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1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2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3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4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5.xml"/></Relationships>
</file>

<file path=ppt/slideLayouts/_rels/slideLayout3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6.xml"/></Relationships>
</file>

<file path=ppt/slideLayouts/_rels/slideLayout3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7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8.xml"/></Relationships>
</file>

<file path=ppt/slideLayouts/_rels/slideLayout3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29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FA92079F-34E3-4A9E-86D5-3DCB9C0665C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="" xmlns:a16="http://schemas.microsoft.com/office/drawing/2014/main" id="{E237B156-CFA1-4A45-BEC1-3DAD8A47FA6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42043848-2150-4022-A531-A08B7B4242F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2E0D4E1A-87A3-4B17-9AFC-A3C85B206D3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8664D4A8-2C87-49F9-A45C-F949B63C020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73852095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58188CD5-36A2-49A1-B834-AF76616741F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="" xmlns:a16="http://schemas.microsoft.com/office/drawing/2014/main" id="{A6A2E46E-3432-47CB-A7E0-4784C0867AA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40B11EAD-8EDE-49CB-AD84-0363DA40C08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0EFB5A56-3A28-4FED-99AF-6C30754403C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E0564B30-CE2D-4E79-B62D-745F2DA2E82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6797882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="" xmlns:a16="http://schemas.microsoft.com/office/drawing/2014/main" id="{4BCF9019-990B-454C-982B-87ACDEDC3E23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="" xmlns:a16="http://schemas.microsoft.com/office/drawing/2014/main" id="{DD64AD47-0049-422B-9FDB-1DA240D9279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1DBE3FF9-F035-4D13-9414-53733861B3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F2EC1739-D572-48EB-856D-38DD215336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CF3AC70C-A514-4DC4-B6D9-16FE1B0BDF4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17939919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08846333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Глава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361831" y="4458778"/>
            <a:ext cx="6804212" cy="1655762"/>
          </a:xfrm>
        </p:spPr>
        <p:txBody>
          <a:bodyPr>
            <a:noAutofit/>
          </a:bodyPr>
          <a:lstStyle>
            <a:lvl1pPr marL="0" indent="0" algn="l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1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330218" y="2574277"/>
            <a:ext cx="9540982" cy="1374892"/>
          </a:xfrm>
        </p:spPr>
        <p:txBody>
          <a:bodyPr anchor="t">
            <a:noAutofit/>
          </a:bodyPr>
          <a:lstStyle>
            <a:lvl1pPr algn="l">
              <a:defRPr sz="40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sz="quarter" idx="10" hasCustomPrompt="1"/>
          </p:nvPr>
        </p:nvSpPr>
        <p:spPr>
          <a:xfrm>
            <a:off x="1330324" y="1201738"/>
            <a:ext cx="4814443" cy="585787"/>
          </a:xfrm>
        </p:spPr>
        <p:txBody>
          <a:bodyPr>
            <a:noAutofit/>
          </a:bodyPr>
          <a:lstStyle>
            <a:lvl1pPr marL="0" indent="0">
              <a:buNone/>
              <a:defRPr sz="2800" b="0">
                <a:solidFill>
                  <a:schemeClr val="bg1"/>
                </a:solidFill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5651405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35" name="Текст 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4" name="Текст 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8" name="Текст 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106669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06985566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аблица"/>
          <p:cNvSpPr>
            <a:spLocks noGrp="1"/>
          </p:cNvSpPr>
          <p:nvPr>
            <p:ph type="tbl" sz="quarter" idx="20" hasCustomPrompt="1"/>
          </p:nvPr>
        </p:nvSpPr>
        <p:spPr>
          <a:xfrm>
            <a:off x="796925" y="2760663"/>
            <a:ext cx="10556875" cy="3648075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Таблиц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2149483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693647790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0123678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3676862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0796AE3E-CDEE-40F3-A76B-373EA161099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="" xmlns:a16="http://schemas.microsoft.com/office/drawing/2014/main" id="{84C65603-5A9C-4478-B96F-6E231C5E2EAF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F276A16E-C4FF-42B5-B90C-E50DD2C0CDC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011845D0-2466-45B6-8A30-77B1A1ABC04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020B82BF-49E4-45BC-AAC7-CE9F21A38D8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381390977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22654185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7131488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25844309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77518903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8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61531467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Текст 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9" name="Текст 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33370067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24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Картинка 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23" name="Текст 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20" name="Текст 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9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45454847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Картинка 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7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15107725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24889125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 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Нажмите на иконку чтобы добавить видео</a:t>
            </a:r>
          </a:p>
        </p:txBody>
      </p:sp>
      <p:sp>
        <p:nvSpPr>
          <p:cNvPr id="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6605098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EA632EBE-1736-4186-931E-BF97FE7996F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="" xmlns:a16="http://schemas.microsoft.com/office/drawing/2014/main" id="{BB04CA73-971B-4634-AF35-6781167F24B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6C088AB1-32BD-43E9-9D45-F70992DB952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F7C2BF6C-99E3-4C30-A318-4EF4AF5B061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9B5994C4-4202-4E4D-BC10-A40412DF044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533261064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4007877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1644722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8096888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9" name="Текст 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52295120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8529043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4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Текст 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0415602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4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0" name="Текст 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83510313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2347384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640446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7C7C3DF7-F26B-4B49-B04D-4C989B30044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="" xmlns:a16="http://schemas.microsoft.com/office/drawing/2014/main" id="{CAFCBE2B-E3D5-42FD-9EF4-C77220CB573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="" xmlns:a16="http://schemas.microsoft.com/office/drawing/2014/main" id="{85F58BE1-6F8E-4D52-A38F-D69CCF68483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="" xmlns:a16="http://schemas.microsoft.com/office/drawing/2014/main" id="{9F3A4B83-995D-4900-BC99-DE88D43A568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="" xmlns:a16="http://schemas.microsoft.com/office/drawing/2014/main" id="{DA56F991-3A19-45B2-A3FA-62AC6B8CA97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Номер слайда 6">
            <a:extLst>
              <a:ext uri="{FF2B5EF4-FFF2-40B4-BE49-F238E27FC236}">
                <a16:creationId xmlns="" xmlns:a16="http://schemas.microsoft.com/office/drawing/2014/main" id="{C07B0AB0-3B80-41AC-9868-2ABE09B9740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85682614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CDCB7F77-F4DE-4AB6-9EA1-44FF7C3573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="" xmlns:a16="http://schemas.microsoft.com/office/drawing/2014/main" id="{F7C0B8F6-664C-4823-9BA5-0D0F39E85A8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="" xmlns:a16="http://schemas.microsoft.com/office/drawing/2014/main" id="{C6ECFEDB-D48A-4AE7-8120-2C6575C6D09F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="" xmlns:a16="http://schemas.microsoft.com/office/drawing/2014/main" id="{2343807A-B670-4EC8-8A4D-3B9B13273C1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="" xmlns:a16="http://schemas.microsoft.com/office/drawing/2014/main" id="{CAC9BC25-8F14-47EA-971F-AA6CFB046297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="" xmlns:a16="http://schemas.microsoft.com/office/drawing/2014/main" id="{E44B90A9-2562-4995-A650-5CB0ACC9536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="" xmlns:a16="http://schemas.microsoft.com/office/drawing/2014/main" id="{CEBA6A44-4884-49DC-A96E-5F238AAB6F2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9" name="Номер слайда 8">
            <a:extLst>
              <a:ext uri="{FF2B5EF4-FFF2-40B4-BE49-F238E27FC236}">
                <a16:creationId xmlns="" xmlns:a16="http://schemas.microsoft.com/office/drawing/2014/main" id="{77E08B78-D786-4881-BFA1-B04B7CEF616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2004890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08A50EE6-B7A5-4289-B222-D7F00B3FC66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="" xmlns:a16="http://schemas.microsoft.com/office/drawing/2014/main" id="{CD2E8850-D13D-49BD-80B8-6FB3F17BDE2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="" xmlns:a16="http://schemas.microsoft.com/office/drawing/2014/main" id="{5E329C9A-33D0-40F9-AE44-A0C16A9B458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Номер слайда 4">
            <a:extLst>
              <a:ext uri="{FF2B5EF4-FFF2-40B4-BE49-F238E27FC236}">
                <a16:creationId xmlns="" xmlns:a16="http://schemas.microsoft.com/office/drawing/2014/main" id="{D150CBAE-5CD4-4B7B-A305-73532A7DA8F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94928719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="" xmlns:a16="http://schemas.microsoft.com/office/drawing/2014/main" id="{6995E358-9BD8-4A7F-9B15-B1642F8A847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="" xmlns:a16="http://schemas.microsoft.com/office/drawing/2014/main" id="{A82C5515-2DCC-4097-9893-0B7F790A27A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>
            <a:extLst>
              <a:ext uri="{FF2B5EF4-FFF2-40B4-BE49-F238E27FC236}">
                <a16:creationId xmlns="" xmlns:a16="http://schemas.microsoft.com/office/drawing/2014/main" id="{07ABBE6D-F0EF-4D89-AA7A-C1BB3CC033F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87654444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5C7F6C55-3113-43D0-8A1A-86023C691B2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="" xmlns:a16="http://schemas.microsoft.com/office/drawing/2014/main" id="{7D5247EB-6A2C-4234-8F7B-10B5FACEC49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="" xmlns:a16="http://schemas.microsoft.com/office/drawing/2014/main" id="{1B8A2411-698E-450A-97D9-E2557A99163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="" xmlns:a16="http://schemas.microsoft.com/office/drawing/2014/main" id="{1C192D2D-6737-46E2-A2AA-B96675AAA3B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="" xmlns:a16="http://schemas.microsoft.com/office/drawing/2014/main" id="{7EFB58B4-0F1D-49B9-9356-79B09DDF2E8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Номер слайда 6">
            <a:extLst>
              <a:ext uri="{FF2B5EF4-FFF2-40B4-BE49-F238E27FC236}">
                <a16:creationId xmlns="" xmlns:a16="http://schemas.microsoft.com/office/drawing/2014/main" id="{1F1B623A-49DD-4020-96F0-24580E7B43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02421263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F58C3E35-6D78-480A-8A26-FC80EB9A5A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="" xmlns:a16="http://schemas.microsoft.com/office/drawing/2014/main" id="{630B5AFA-8B6B-456A-9E38-B82F0A71FF52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 dirty="0"/>
          </a:p>
        </p:txBody>
      </p:sp>
      <p:sp>
        <p:nvSpPr>
          <p:cNvPr id="4" name="Текст 3">
            <a:extLst>
              <a:ext uri="{FF2B5EF4-FFF2-40B4-BE49-F238E27FC236}">
                <a16:creationId xmlns="" xmlns:a16="http://schemas.microsoft.com/office/drawing/2014/main" id="{4B61A6CB-6A71-4C05-8E72-62F2CFA11E1C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="" xmlns:a16="http://schemas.microsoft.com/office/drawing/2014/main" id="{A2844FA3-0529-40C2-A5A1-7E7BE3C0AC2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="" xmlns:a16="http://schemas.microsoft.com/office/drawing/2014/main" id="{846AA10F-6C4A-43D1-92B1-8C683F5AB0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Номер слайда 6">
            <a:extLst>
              <a:ext uri="{FF2B5EF4-FFF2-40B4-BE49-F238E27FC236}">
                <a16:creationId xmlns="" xmlns:a16="http://schemas.microsoft.com/office/drawing/2014/main" id="{8E29468B-2393-437A-BA78-AA9E91A20BF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3646288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slideLayout" Target="../slideLayouts/slideLayout24.xml"/><Relationship Id="rId18" Type="http://schemas.openxmlformats.org/officeDocument/2006/relationships/slideLayout" Target="../slideLayouts/slideLayout29.xml"/><Relationship Id="rId26" Type="http://schemas.openxmlformats.org/officeDocument/2006/relationships/slideLayout" Target="../slideLayouts/slideLayout37.xml"/><Relationship Id="rId3" Type="http://schemas.openxmlformats.org/officeDocument/2006/relationships/slideLayout" Target="../slideLayouts/slideLayout14.xml"/><Relationship Id="rId21" Type="http://schemas.openxmlformats.org/officeDocument/2006/relationships/slideLayout" Target="../slideLayouts/slideLayout32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17" Type="http://schemas.openxmlformats.org/officeDocument/2006/relationships/slideLayout" Target="../slideLayouts/slideLayout28.xml"/><Relationship Id="rId25" Type="http://schemas.openxmlformats.org/officeDocument/2006/relationships/slideLayout" Target="../slideLayouts/slideLayout36.xml"/><Relationship Id="rId2" Type="http://schemas.openxmlformats.org/officeDocument/2006/relationships/slideLayout" Target="../slideLayouts/slideLayout13.xml"/><Relationship Id="rId16" Type="http://schemas.openxmlformats.org/officeDocument/2006/relationships/slideLayout" Target="../slideLayouts/slideLayout27.xml"/><Relationship Id="rId20" Type="http://schemas.openxmlformats.org/officeDocument/2006/relationships/slideLayout" Target="../slideLayouts/slideLayout31.xml"/><Relationship Id="rId29" Type="http://schemas.openxmlformats.org/officeDocument/2006/relationships/tags" Target="../tags/tag2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24" Type="http://schemas.openxmlformats.org/officeDocument/2006/relationships/slideLayout" Target="../slideLayouts/slideLayout35.xml"/><Relationship Id="rId5" Type="http://schemas.openxmlformats.org/officeDocument/2006/relationships/slideLayout" Target="../slideLayouts/slideLayout16.xml"/><Relationship Id="rId15" Type="http://schemas.openxmlformats.org/officeDocument/2006/relationships/slideLayout" Target="../slideLayouts/slideLayout26.xml"/><Relationship Id="rId23" Type="http://schemas.openxmlformats.org/officeDocument/2006/relationships/slideLayout" Target="../slideLayouts/slideLayout34.xml"/><Relationship Id="rId28" Type="http://schemas.openxmlformats.org/officeDocument/2006/relationships/theme" Target="../theme/theme2.xml"/><Relationship Id="rId10" Type="http://schemas.openxmlformats.org/officeDocument/2006/relationships/slideLayout" Target="../slideLayouts/slideLayout21.xml"/><Relationship Id="rId19" Type="http://schemas.openxmlformats.org/officeDocument/2006/relationships/slideLayout" Target="../slideLayouts/slideLayout30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Relationship Id="rId14" Type="http://schemas.openxmlformats.org/officeDocument/2006/relationships/slideLayout" Target="../slideLayouts/slideLayout25.xml"/><Relationship Id="rId22" Type="http://schemas.openxmlformats.org/officeDocument/2006/relationships/slideLayout" Target="../slideLayouts/slideLayout33.xml"/><Relationship Id="rId27" Type="http://schemas.openxmlformats.org/officeDocument/2006/relationships/slideLayout" Target="../slideLayouts/slideLayout38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="" xmlns:a16="http://schemas.microsoft.com/office/drawing/2014/main" id="{FB30893E-635D-4BF2-8004-75D3FF93DD0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="" xmlns:a16="http://schemas.microsoft.com/office/drawing/2014/main" id="{D8B2E176-A653-4B15-95FD-10D2E5C3D16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="" xmlns:a16="http://schemas.microsoft.com/office/drawing/2014/main" id="{6275CEEA-C643-4712-8A07-0037CBE707ED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A43F9CE-BF35-459D-A4A7-DC3EBC464E9A}" type="datetimeFigureOut">
              <a:rPr lang="ru-RU" smtClean="0"/>
              <a:t>04.04.2025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="" xmlns:a16="http://schemas.microsoft.com/office/drawing/2014/main" id="{B5B1E6F2-3C00-4344-97E3-422F545E0FA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="" xmlns:a16="http://schemas.microsoft.com/office/drawing/2014/main" id="{513B954C-9553-4077-91F5-631F048A9AA2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109A37F-1521-4510-A9F8-3E1D3042D3BC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9984165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29"/>
    </p:custDataLst>
    <p:extLst>
      <p:ext uri="{BB962C8B-B14F-4D97-AF65-F5344CB8AC3E}">
        <p14:creationId xmlns:p14="http://schemas.microsoft.com/office/powerpoint/2010/main" val="208388619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  <p:sldLayoutId id="2147483677" r:id="rId17"/>
    <p:sldLayoutId id="2147483679" r:id="rId18"/>
    <p:sldLayoutId id="2147483680" r:id="rId19"/>
    <p:sldLayoutId id="2147483681" r:id="rId20"/>
    <p:sldLayoutId id="2147483683" r:id="rId21"/>
    <p:sldLayoutId id="2147483684" r:id="rId22"/>
    <p:sldLayoutId id="2147483685" r:id="rId23"/>
    <p:sldLayoutId id="2147483687" r:id="rId24"/>
    <p:sldLayoutId id="2147483688" r:id="rId25"/>
    <p:sldLayoutId id="2147483689" r:id="rId26"/>
    <p:sldLayoutId id="2147483690" r:id="rId27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8.xml"/><Relationship Id="rId4" Type="http://schemas.openxmlformats.org/officeDocument/2006/relationships/image" Target="../media/image5.jpe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9.xml"/><Relationship Id="rId4" Type="http://schemas.openxmlformats.org/officeDocument/2006/relationships/image" Target="../media/image5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tags" Target="../tags/tag42.xml"/><Relationship Id="rId7" Type="http://schemas.openxmlformats.org/officeDocument/2006/relationships/image" Target="../media/image6.jpeg"/><Relationship Id="rId2" Type="http://schemas.openxmlformats.org/officeDocument/2006/relationships/tags" Target="../tags/tag41.xml"/><Relationship Id="rId1" Type="http://schemas.openxmlformats.org/officeDocument/2006/relationships/tags" Target="../tags/tag40.xml"/><Relationship Id="rId6" Type="http://schemas.openxmlformats.org/officeDocument/2006/relationships/notesSlide" Target="../notesSlides/notesSlide12.xml"/><Relationship Id="rId5" Type="http://schemas.openxmlformats.org/officeDocument/2006/relationships/slideLayout" Target="../slideLayouts/slideLayout37.xml"/><Relationship Id="rId4" Type="http://schemas.openxmlformats.org/officeDocument/2006/relationships/tags" Target="../tags/tag4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0.xml"/><Relationship Id="rId4" Type="http://schemas.openxmlformats.org/officeDocument/2006/relationships/image" Target="../media/image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1.xml"/><Relationship Id="rId4" Type="http://schemas.openxmlformats.org/officeDocument/2006/relationships/image" Target="../media/image3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2.xml"/><Relationship Id="rId4" Type="http://schemas.openxmlformats.org/officeDocument/2006/relationships/image" Target="../media/image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4.xml"/><Relationship Id="rId1" Type="http://schemas.openxmlformats.org/officeDocument/2006/relationships/tags" Target="../tags/tag33.xml"/><Relationship Id="rId4" Type="http://schemas.openxmlformats.org/officeDocument/2006/relationships/image" Target="../media/image1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0.xml"/><Relationship Id="rId1" Type="http://schemas.openxmlformats.org/officeDocument/2006/relationships/tags" Target="../tags/tag34.xml"/><Relationship Id="rId5" Type="http://schemas.openxmlformats.org/officeDocument/2006/relationships/image" Target="../media/image4.jpeg"/><Relationship Id="rId4" Type="http://schemas.openxmlformats.org/officeDocument/2006/relationships/image" Target="../media/image1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0.xml"/><Relationship Id="rId1" Type="http://schemas.openxmlformats.org/officeDocument/2006/relationships/tags" Target="../tags/tag35.xml"/><Relationship Id="rId5" Type="http://schemas.openxmlformats.org/officeDocument/2006/relationships/image" Target="../media/image4.jpeg"/><Relationship Id="rId4" Type="http://schemas.openxmlformats.org/officeDocument/2006/relationships/image" Target="../media/image1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6.xml"/><Relationship Id="rId4" Type="http://schemas.openxmlformats.org/officeDocument/2006/relationships/image" Target="../media/image5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1.xml"/><Relationship Id="rId1" Type="http://schemas.openxmlformats.org/officeDocument/2006/relationships/tags" Target="../tags/tag37.xml"/><Relationship Id="rId4" Type="http://schemas.openxmlformats.org/officeDocument/2006/relationships/image" Target="../media/image5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="" xmlns:a16="http://schemas.microsoft.com/office/drawing/2014/main" id="{9D3A53A1-E48A-41CC-9B7A-21122A0A31CE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="" xmlns:a16="http://schemas.microsoft.com/office/drawing/2014/main" id="{00D071E3-029F-42CA-9F54-CFBB0EA470F7}"/>
              </a:ext>
            </a:extLst>
          </p:cNvPr>
          <p:cNvSpPr txBox="1"/>
          <p:nvPr/>
        </p:nvSpPr>
        <p:spPr>
          <a:xfrm>
            <a:off x="0" y="159391"/>
            <a:ext cx="1219199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АЛМАТЫ ТЕХНОЛОГИЯЛЫҚ УНИВЕРСИТЕТІ» АҚ</a:t>
            </a:r>
          </a:p>
          <a:p>
            <a:pPr algn="ctr"/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ttps</a:t>
            </a:r>
            <a:r>
              <a:rPr lang="en-US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//atu.edu.kz/</a:t>
            </a:r>
            <a:endParaRPr lang="ru-RU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="" xmlns:a16="http://schemas.microsoft.com/office/drawing/2014/main" id="{103A935A-2DEC-40FF-A1F1-086982317C2E}"/>
              </a:ext>
            </a:extLst>
          </p:cNvPr>
          <p:cNvSpPr txBox="1"/>
          <p:nvPr/>
        </p:nvSpPr>
        <p:spPr>
          <a:xfrm>
            <a:off x="-1" y="1157681"/>
            <a:ext cx="1219199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Факультет «Толық атауы»</a:t>
            </a:r>
          </a:p>
          <a:p>
            <a:pPr algn="ctr"/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Кафедра «Толық атауы»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="" xmlns:a16="http://schemas.microsoft.com/office/drawing/2014/main" id="{0CE47D80-8E22-41F9-A28A-90AE83991476}"/>
              </a:ext>
            </a:extLst>
          </p:cNvPr>
          <p:cNvSpPr txBox="1"/>
          <p:nvPr/>
        </p:nvSpPr>
        <p:spPr>
          <a:xfrm>
            <a:off x="0" y="2389217"/>
            <a:ext cx="121920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ЦББР атауы:</a:t>
            </a:r>
            <a:r>
              <a:rPr lang="en-US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______________________________________»</a:t>
            </a:r>
            <a:endParaRPr lang="ru-RU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=""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11" name="Прямоугольник 10">
            <a:extLst>
              <a:ext uri="{FF2B5EF4-FFF2-40B4-BE49-F238E27FC236}">
                <a16:creationId xmlns="" xmlns:a16="http://schemas.microsoft.com/office/drawing/2014/main" id="{200AD9E0-9969-4887-9846-E91813524AE8}"/>
              </a:ext>
            </a:extLst>
          </p:cNvPr>
          <p:cNvSpPr/>
          <p:nvPr/>
        </p:nvSpPr>
        <p:spPr>
          <a:xfrm>
            <a:off x="3047997" y="5004447"/>
            <a:ext cx="6096000" cy="738664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kk-KZ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Автордың суреті</a:t>
            </a:r>
          </a:p>
          <a:p>
            <a:pPr algn="ctr"/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. А. Ә. – лауазымы, ғылыми дәрежесі, атағы</a:t>
            </a:r>
          </a:p>
          <a:p>
            <a:pPr algn="ctr"/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Корпоративтік почта (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-mail)</a:t>
            </a:r>
            <a:endParaRPr lang="ru-RU" sz="14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0" name="Picture 2" descr="Имя Автора №3 - Декоративний камінь для ландшафту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60181" y="2936641"/>
            <a:ext cx="1871633" cy="187163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78744490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515304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 элемент 8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қа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жинағынан интерактивті элемент қосу қажет (процесс, аннотация, иерархия, каталог, қойындылар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мәтіндік сипаттаманы қамтуы тиіс және міндетті түрде сурет немесе мультимедиялық контентті (бейне немесе дыбыс) пайдалануы керек. Барлық элементтер визуалды және стильдік жағынан бір-бірімен үйлесімді болуы тиіс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15966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515304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 элемент 9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қа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жинағынан интерактивті элемент қосу қажет (процесс, аннотация, иерархия, каталог, қойындылар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мәтіндік сипаттаманы қамтуы тиіс және міндетті түрде сурет немесе мультимедиялық контентті (бейне немесе дыбыс) пайдалануы керек. Барлық элементтер визуалды және стильдік жағынан бір-бірімен үйлесімді болуы тиіс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26184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" name="Иконка  1"/>
          <p:cNvSpPr>
            <a:spLocks noChangeAspect="1" noEditPoints="1"/>
          </p:cNvSpPr>
          <p:nvPr>
            <p:custDataLst>
              <p:tags r:id="rId2"/>
            </p:custDataLst>
          </p:nvPr>
        </p:nvSpPr>
        <p:spPr bwMode="auto">
          <a:xfrm>
            <a:off x="1006732" y="5101686"/>
            <a:ext cx="336224" cy="337705"/>
          </a:xfrm>
          <a:custGeom>
            <a:avLst/>
            <a:gdLst>
              <a:gd name="T0" fmla="*/ 96 w 192"/>
              <a:gd name="T1" fmla="*/ 0 h 192"/>
              <a:gd name="T2" fmla="*/ 0 w 192"/>
              <a:gd name="T3" fmla="*/ 96 h 192"/>
              <a:gd name="T4" fmla="*/ 96 w 192"/>
              <a:gd name="T5" fmla="*/ 192 h 192"/>
              <a:gd name="T6" fmla="*/ 192 w 192"/>
              <a:gd name="T7" fmla="*/ 96 h 192"/>
              <a:gd name="T8" fmla="*/ 96 w 192"/>
              <a:gd name="T9" fmla="*/ 0 h 192"/>
              <a:gd name="T10" fmla="*/ 152 w 192"/>
              <a:gd name="T11" fmla="*/ 66 h 192"/>
              <a:gd name="T12" fmla="*/ 78 w 192"/>
              <a:gd name="T13" fmla="*/ 141 h 192"/>
              <a:gd name="T14" fmla="*/ 66 w 192"/>
              <a:gd name="T15" fmla="*/ 141 h 192"/>
              <a:gd name="T16" fmla="*/ 35 w 192"/>
              <a:gd name="T17" fmla="*/ 110 h 192"/>
              <a:gd name="T18" fmla="*/ 35 w 192"/>
              <a:gd name="T19" fmla="*/ 98 h 192"/>
              <a:gd name="T20" fmla="*/ 48 w 192"/>
              <a:gd name="T21" fmla="*/ 98 h 192"/>
              <a:gd name="T22" fmla="*/ 72 w 192"/>
              <a:gd name="T23" fmla="*/ 122 h 192"/>
              <a:gd name="T24" fmla="*/ 140 w 192"/>
              <a:gd name="T25" fmla="*/ 54 h 192"/>
              <a:gd name="T26" fmla="*/ 152 w 192"/>
              <a:gd name="T27" fmla="*/ 54 h 192"/>
              <a:gd name="T28" fmla="*/ 152 w 192"/>
              <a:gd name="T29" fmla="*/ 66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</a:cxnLst>
            <a:rect l="0" t="0" r="r" b="b"/>
            <a:pathLst>
              <a:path w="192" h="192">
                <a:moveTo>
                  <a:pt x="96" y="0"/>
                </a:moveTo>
                <a:cubicBezTo>
                  <a:pt x="43" y="0"/>
                  <a:pt x="0" y="43"/>
                  <a:pt x="0" y="96"/>
                </a:cubicBezTo>
                <a:cubicBezTo>
                  <a:pt x="0" y="149"/>
                  <a:pt x="43" y="192"/>
                  <a:pt x="96" y="192"/>
                </a:cubicBezTo>
                <a:cubicBezTo>
                  <a:pt x="149" y="192"/>
                  <a:pt x="192" y="149"/>
                  <a:pt x="192" y="96"/>
                </a:cubicBezTo>
                <a:cubicBezTo>
                  <a:pt x="192" y="43"/>
                  <a:pt x="149" y="0"/>
                  <a:pt x="96" y="0"/>
                </a:cubicBezTo>
                <a:close/>
                <a:moveTo>
                  <a:pt x="152" y="66"/>
                </a:moveTo>
                <a:cubicBezTo>
                  <a:pt x="78" y="141"/>
                  <a:pt x="78" y="141"/>
                  <a:pt x="78" y="141"/>
                </a:cubicBezTo>
                <a:cubicBezTo>
                  <a:pt x="75" y="144"/>
                  <a:pt x="69" y="144"/>
                  <a:pt x="66" y="141"/>
                </a:cubicBezTo>
                <a:cubicBezTo>
                  <a:pt x="35" y="110"/>
                  <a:pt x="35" y="110"/>
                  <a:pt x="35" y="110"/>
                </a:cubicBezTo>
                <a:cubicBezTo>
                  <a:pt x="32" y="107"/>
                  <a:pt x="32" y="101"/>
                  <a:pt x="35" y="98"/>
                </a:cubicBezTo>
                <a:cubicBezTo>
                  <a:pt x="39" y="95"/>
                  <a:pt x="44" y="95"/>
                  <a:pt x="48" y="98"/>
                </a:cubicBezTo>
                <a:cubicBezTo>
                  <a:pt x="72" y="122"/>
                  <a:pt x="72" y="122"/>
                  <a:pt x="72" y="122"/>
                </a:cubicBezTo>
                <a:cubicBezTo>
                  <a:pt x="140" y="54"/>
                  <a:pt x="140" y="54"/>
                  <a:pt x="140" y="54"/>
                </a:cubicBezTo>
                <a:cubicBezTo>
                  <a:pt x="143" y="51"/>
                  <a:pt x="149" y="51"/>
                  <a:pt x="152" y="54"/>
                </a:cubicBezTo>
                <a:cubicBezTo>
                  <a:pt x="156" y="57"/>
                  <a:pt x="156" y="63"/>
                  <a:pt x="152" y="66"/>
                </a:cubicBezTo>
                <a:close/>
              </a:path>
            </a:pathLst>
          </a:custGeom>
          <a:solidFill>
            <a:srgbClr val="2B4C9C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 dirty="0"/>
          </a:p>
        </p:txBody>
      </p:sp>
      <p:sp>
        <p:nvSpPr>
          <p:cNvPr id="34" name="Иконка  2"/>
          <p:cNvSpPr>
            <a:spLocks noChangeAspect="1" noEditPoints="1"/>
          </p:cNvSpPr>
          <p:nvPr>
            <p:custDataLst>
              <p:tags r:id="rId3"/>
            </p:custDataLst>
          </p:nvPr>
        </p:nvSpPr>
        <p:spPr bwMode="auto">
          <a:xfrm>
            <a:off x="1009993" y="4044807"/>
            <a:ext cx="336224" cy="337705"/>
          </a:xfrm>
          <a:custGeom>
            <a:avLst/>
            <a:gdLst>
              <a:gd name="T0" fmla="*/ 96 w 192"/>
              <a:gd name="T1" fmla="*/ 0 h 192"/>
              <a:gd name="T2" fmla="*/ 0 w 192"/>
              <a:gd name="T3" fmla="*/ 96 h 192"/>
              <a:gd name="T4" fmla="*/ 96 w 192"/>
              <a:gd name="T5" fmla="*/ 192 h 192"/>
              <a:gd name="T6" fmla="*/ 192 w 192"/>
              <a:gd name="T7" fmla="*/ 96 h 192"/>
              <a:gd name="T8" fmla="*/ 96 w 192"/>
              <a:gd name="T9" fmla="*/ 0 h 192"/>
              <a:gd name="T10" fmla="*/ 152 w 192"/>
              <a:gd name="T11" fmla="*/ 66 h 192"/>
              <a:gd name="T12" fmla="*/ 78 w 192"/>
              <a:gd name="T13" fmla="*/ 141 h 192"/>
              <a:gd name="T14" fmla="*/ 66 w 192"/>
              <a:gd name="T15" fmla="*/ 141 h 192"/>
              <a:gd name="T16" fmla="*/ 35 w 192"/>
              <a:gd name="T17" fmla="*/ 110 h 192"/>
              <a:gd name="T18" fmla="*/ 35 w 192"/>
              <a:gd name="T19" fmla="*/ 98 h 192"/>
              <a:gd name="T20" fmla="*/ 48 w 192"/>
              <a:gd name="T21" fmla="*/ 98 h 192"/>
              <a:gd name="T22" fmla="*/ 72 w 192"/>
              <a:gd name="T23" fmla="*/ 122 h 192"/>
              <a:gd name="T24" fmla="*/ 140 w 192"/>
              <a:gd name="T25" fmla="*/ 54 h 192"/>
              <a:gd name="T26" fmla="*/ 152 w 192"/>
              <a:gd name="T27" fmla="*/ 54 h 192"/>
              <a:gd name="T28" fmla="*/ 152 w 192"/>
              <a:gd name="T29" fmla="*/ 66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</a:cxnLst>
            <a:rect l="0" t="0" r="r" b="b"/>
            <a:pathLst>
              <a:path w="192" h="192">
                <a:moveTo>
                  <a:pt x="96" y="0"/>
                </a:moveTo>
                <a:cubicBezTo>
                  <a:pt x="43" y="0"/>
                  <a:pt x="0" y="43"/>
                  <a:pt x="0" y="96"/>
                </a:cubicBezTo>
                <a:cubicBezTo>
                  <a:pt x="0" y="149"/>
                  <a:pt x="43" y="192"/>
                  <a:pt x="96" y="192"/>
                </a:cubicBezTo>
                <a:cubicBezTo>
                  <a:pt x="149" y="192"/>
                  <a:pt x="192" y="149"/>
                  <a:pt x="192" y="96"/>
                </a:cubicBezTo>
                <a:cubicBezTo>
                  <a:pt x="192" y="43"/>
                  <a:pt x="149" y="0"/>
                  <a:pt x="96" y="0"/>
                </a:cubicBezTo>
                <a:close/>
                <a:moveTo>
                  <a:pt x="152" y="66"/>
                </a:moveTo>
                <a:cubicBezTo>
                  <a:pt x="78" y="141"/>
                  <a:pt x="78" y="141"/>
                  <a:pt x="78" y="141"/>
                </a:cubicBezTo>
                <a:cubicBezTo>
                  <a:pt x="75" y="144"/>
                  <a:pt x="69" y="144"/>
                  <a:pt x="66" y="141"/>
                </a:cubicBezTo>
                <a:cubicBezTo>
                  <a:pt x="35" y="110"/>
                  <a:pt x="35" y="110"/>
                  <a:pt x="35" y="110"/>
                </a:cubicBezTo>
                <a:cubicBezTo>
                  <a:pt x="32" y="107"/>
                  <a:pt x="32" y="101"/>
                  <a:pt x="35" y="98"/>
                </a:cubicBezTo>
                <a:cubicBezTo>
                  <a:pt x="39" y="95"/>
                  <a:pt x="44" y="95"/>
                  <a:pt x="48" y="98"/>
                </a:cubicBezTo>
                <a:cubicBezTo>
                  <a:pt x="72" y="122"/>
                  <a:pt x="72" y="122"/>
                  <a:pt x="72" y="122"/>
                </a:cubicBezTo>
                <a:cubicBezTo>
                  <a:pt x="140" y="54"/>
                  <a:pt x="140" y="54"/>
                  <a:pt x="140" y="54"/>
                </a:cubicBezTo>
                <a:cubicBezTo>
                  <a:pt x="143" y="51"/>
                  <a:pt x="149" y="51"/>
                  <a:pt x="152" y="54"/>
                </a:cubicBezTo>
                <a:cubicBezTo>
                  <a:pt x="156" y="57"/>
                  <a:pt x="156" y="63"/>
                  <a:pt x="152" y="66"/>
                </a:cubicBezTo>
                <a:close/>
              </a:path>
            </a:pathLst>
          </a:custGeom>
          <a:solidFill>
            <a:srgbClr val="2B4C9C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 dirty="0"/>
          </a:p>
        </p:txBody>
      </p:sp>
      <p:sp>
        <p:nvSpPr>
          <p:cNvPr id="22" name="Иконка  3"/>
          <p:cNvSpPr>
            <a:spLocks noChangeAspect="1" noEditPoints="1"/>
          </p:cNvSpPr>
          <p:nvPr>
            <p:custDataLst>
              <p:tags r:id="rId4"/>
            </p:custDataLst>
          </p:nvPr>
        </p:nvSpPr>
        <p:spPr bwMode="auto">
          <a:xfrm>
            <a:off x="1006732" y="2987928"/>
            <a:ext cx="336224" cy="337705"/>
          </a:xfrm>
          <a:custGeom>
            <a:avLst/>
            <a:gdLst>
              <a:gd name="T0" fmla="*/ 96 w 192"/>
              <a:gd name="T1" fmla="*/ 0 h 192"/>
              <a:gd name="T2" fmla="*/ 0 w 192"/>
              <a:gd name="T3" fmla="*/ 96 h 192"/>
              <a:gd name="T4" fmla="*/ 96 w 192"/>
              <a:gd name="T5" fmla="*/ 192 h 192"/>
              <a:gd name="T6" fmla="*/ 192 w 192"/>
              <a:gd name="T7" fmla="*/ 96 h 192"/>
              <a:gd name="T8" fmla="*/ 96 w 192"/>
              <a:gd name="T9" fmla="*/ 0 h 192"/>
              <a:gd name="T10" fmla="*/ 152 w 192"/>
              <a:gd name="T11" fmla="*/ 66 h 192"/>
              <a:gd name="T12" fmla="*/ 78 w 192"/>
              <a:gd name="T13" fmla="*/ 141 h 192"/>
              <a:gd name="T14" fmla="*/ 66 w 192"/>
              <a:gd name="T15" fmla="*/ 141 h 192"/>
              <a:gd name="T16" fmla="*/ 35 w 192"/>
              <a:gd name="T17" fmla="*/ 110 h 192"/>
              <a:gd name="T18" fmla="*/ 35 w 192"/>
              <a:gd name="T19" fmla="*/ 98 h 192"/>
              <a:gd name="T20" fmla="*/ 48 w 192"/>
              <a:gd name="T21" fmla="*/ 98 h 192"/>
              <a:gd name="T22" fmla="*/ 72 w 192"/>
              <a:gd name="T23" fmla="*/ 122 h 192"/>
              <a:gd name="T24" fmla="*/ 140 w 192"/>
              <a:gd name="T25" fmla="*/ 54 h 192"/>
              <a:gd name="T26" fmla="*/ 152 w 192"/>
              <a:gd name="T27" fmla="*/ 54 h 192"/>
              <a:gd name="T28" fmla="*/ 152 w 192"/>
              <a:gd name="T29" fmla="*/ 66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</a:cxnLst>
            <a:rect l="0" t="0" r="r" b="b"/>
            <a:pathLst>
              <a:path w="192" h="192">
                <a:moveTo>
                  <a:pt x="96" y="0"/>
                </a:moveTo>
                <a:cubicBezTo>
                  <a:pt x="43" y="0"/>
                  <a:pt x="0" y="43"/>
                  <a:pt x="0" y="96"/>
                </a:cubicBezTo>
                <a:cubicBezTo>
                  <a:pt x="0" y="149"/>
                  <a:pt x="43" y="192"/>
                  <a:pt x="96" y="192"/>
                </a:cubicBezTo>
                <a:cubicBezTo>
                  <a:pt x="149" y="192"/>
                  <a:pt x="192" y="149"/>
                  <a:pt x="192" y="96"/>
                </a:cubicBezTo>
                <a:cubicBezTo>
                  <a:pt x="192" y="43"/>
                  <a:pt x="149" y="0"/>
                  <a:pt x="96" y="0"/>
                </a:cubicBezTo>
                <a:close/>
                <a:moveTo>
                  <a:pt x="152" y="66"/>
                </a:moveTo>
                <a:cubicBezTo>
                  <a:pt x="78" y="141"/>
                  <a:pt x="78" y="141"/>
                  <a:pt x="78" y="141"/>
                </a:cubicBezTo>
                <a:cubicBezTo>
                  <a:pt x="75" y="144"/>
                  <a:pt x="69" y="144"/>
                  <a:pt x="66" y="141"/>
                </a:cubicBezTo>
                <a:cubicBezTo>
                  <a:pt x="35" y="110"/>
                  <a:pt x="35" y="110"/>
                  <a:pt x="35" y="110"/>
                </a:cubicBezTo>
                <a:cubicBezTo>
                  <a:pt x="32" y="107"/>
                  <a:pt x="32" y="101"/>
                  <a:pt x="35" y="98"/>
                </a:cubicBezTo>
                <a:cubicBezTo>
                  <a:pt x="39" y="95"/>
                  <a:pt x="44" y="95"/>
                  <a:pt x="48" y="98"/>
                </a:cubicBezTo>
                <a:cubicBezTo>
                  <a:pt x="72" y="122"/>
                  <a:pt x="72" y="122"/>
                  <a:pt x="72" y="122"/>
                </a:cubicBezTo>
                <a:cubicBezTo>
                  <a:pt x="140" y="54"/>
                  <a:pt x="140" y="54"/>
                  <a:pt x="140" y="54"/>
                </a:cubicBezTo>
                <a:cubicBezTo>
                  <a:pt x="143" y="51"/>
                  <a:pt x="149" y="51"/>
                  <a:pt x="152" y="54"/>
                </a:cubicBezTo>
                <a:cubicBezTo>
                  <a:pt x="156" y="57"/>
                  <a:pt x="156" y="63"/>
                  <a:pt x="152" y="66"/>
                </a:cubicBezTo>
                <a:close/>
              </a:path>
            </a:pathLst>
          </a:custGeom>
          <a:solidFill>
            <a:srgbClr val="2B4C9C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 dirty="0"/>
          </a:p>
        </p:txBody>
      </p:sp>
      <p:sp>
        <p:nvSpPr>
          <p:cNvPr id="11" name="Текст  1"/>
          <p:cNvSpPr>
            <a:spLocks noGrp="1"/>
          </p:cNvSpPr>
          <p:nvPr>
            <p:ph type="body" sz="quarter" idx="17"/>
          </p:nvPr>
        </p:nvSpPr>
        <p:spPr/>
        <p:txBody>
          <a:bodyPr/>
          <a:lstStyle/>
          <a:p>
            <a:pPr algn="just"/>
            <a:r>
              <a:rPr lang="ru-RU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ест материалдың алдыңғы слайдтарда ұсынылған маңызды сәттерін бағалауы керек.</a:t>
            </a:r>
            <a:endParaRPr lang="en-US" sz="14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pPr algn="just"/>
            <a:r>
              <a:rPr lang="ru-RU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ұрақтар әртүрлі болуы керек (көп таңдау, дұрыс реттілік, сәйкестендіру және т.б.).</a:t>
            </a:r>
            <a:endParaRPr lang="en-US" dirty="0"/>
          </a:p>
        </p:txBody>
      </p:sp>
      <p:sp>
        <p:nvSpPr>
          <p:cNvPr id="19" name="Текст  3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pPr algn="just"/>
            <a:r>
              <a:rPr lang="ru-RU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оңғы слайд интерактивті тест немесе </a:t>
            </a:r>
            <a:r>
              <a:rPr lang="en-US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апсырмасын қамтуы керек, оның құрамында кемінде 5 сұрақ болуы тиіс.</a:t>
            </a:r>
            <a:endParaRPr lang="en-US" sz="14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19"/>
          </p:nvPr>
        </p:nvSpPr>
        <p:spPr>
          <a:xfrm>
            <a:off x="795868" y="862502"/>
            <a:ext cx="6420477" cy="669565"/>
          </a:xfrm>
        </p:spPr>
        <p:txBody>
          <a:bodyPr/>
          <a:lstStyle/>
          <a:p>
            <a:pPr algn="just">
              <a:lnSpc>
                <a:spcPct val="100000"/>
              </a:lnSpc>
            </a:pP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– тест тапсырмасы (сауалнама, тест, бақылау сұрақтары)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4" name="Прямоугольник  1"/>
          <p:cNvSpPr/>
          <p:nvPr/>
        </p:nvSpPr>
        <p:spPr>
          <a:xfrm>
            <a:off x="928107" y="1581676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13" name="Прямоугольник 12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Тапсырма</a:t>
            </a:r>
          </a:p>
        </p:txBody>
      </p:sp>
      <p:pic>
        <p:nvPicPr>
          <p:cNvPr id="5" name="Рисунок 4"/>
          <p:cNvPicPr>
            <a:picLocks noGrp="1" noChangeAspect="1"/>
          </p:cNvPicPr>
          <p:nvPr>
            <p:ph type="pic" idx="1"/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499" r="30499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17345423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29" name="Рисунок 5">
            <a:extLst>
              <a:ext uri="{FF2B5EF4-FFF2-40B4-BE49-F238E27FC236}">
                <a16:creationId xmlns="" xmlns:lc="http://schemas.openxmlformats.org/drawingml/2006/lockedCanvas" xmlns:a16="http://schemas.microsoft.com/office/drawing/2014/main" id="{57CE8375-8A92-4BA8-82CB-8246D99858C6}"/>
              </a:ext>
            </a:extLst>
          </p:cNvPr>
          <p:cNvSpPr/>
          <p:nvPr>
            <p:custDataLst>
              <p:tags r:id="rId1"/>
            </p:custDataLst>
          </p:nvPr>
        </p:nvSpPr>
        <p:spPr>
          <a:xfrm>
            <a:off x="8175645" y="2334527"/>
            <a:ext cx="1538912" cy="1869991"/>
          </a:xfrm>
          <a:custGeom>
            <a:avLst/>
            <a:gdLst>
              <a:gd name="connsiteX0" fmla="*/ 100500 w 442200"/>
              <a:gd name="connsiteY0" fmla="*/ 16080 h 482400"/>
              <a:gd name="connsiteX1" fmla="*/ 116580 w 442200"/>
              <a:gd name="connsiteY1" fmla="*/ 0 h 482400"/>
              <a:gd name="connsiteX2" fmla="*/ 430140 w 442200"/>
              <a:gd name="connsiteY2" fmla="*/ 0 h 482400"/>
              <a:gd name="connsiteX3" fmla="*/ 446220 w 442200"/>
              <a:gd name="connsiteY3" fmla="*/ 16080 h 482400"/>
              <a:gd name="connsiteX4" fmla="*/ 446220 w 442200"/>
              <a:gd name="connsiteY4" fmla="*/ 418080 h 482400"/>
              <a:gd name="connsiteX5" fmla="*/ 381900 w 442200"/>
              <a:gd name="connsiteY5" fmla="*/ 482400 h 482400"/>
              <a:gd name="connsiteX6" fmla="*/ 60300 w 442200"/>
              <a:gd name="connsiteY6" fmla="*/ 482400 h 482400"/>
              <a:gd name="connsiteX7" fmla="*/ 60300 w 442200"/>
              <a:gd name="connsiteY7" fmla="*/ 482400 h 482400"/>
              <a:gd name="connsiteX8" fmla="*/ 60016 w 442200"/>
              <a:gd name="connsiteY8" fmla="*/ 479068 h 482400"/>
              <a:gd name="connsiteX9" fmla="*/ 100500 w 442200"/>
              <a:gd name="connsiteY9" fmla="*/ 422100 h 482400"/>
              <a:gd name="connsiteX10" fmla="*/ 100500 w 442200"/>
              <a:gd name="connsiteY10" fmla="*/ 237180 h 482400"/>
              <a:gd name="connsiteX11" fmla="*/ 100500 w 442200"/>
              <a:gd name="connsiteY11" fmla="*/ 221100 h 482400"/>
              <a:gd name="connsiteX12" fmla="*/ 100500 w 442200"/>
              <a:gd name="connsiteY12" fmla="*/ 217080 h 482400"/>
              <a:gd name="connsiteX13" fmla="*/ 100500 w 442200"/>
              <a:gd name="connsiteY13" fmla="*/ 16080 h 482400"/>
              <a:gd name="connsiteX14" fmla="*/ 373860 w 442200"/>
              <a:gd name="connsiteY14" fmla="*/ 100500 h 482400"/>
              <a:gd name="connsiteX15" fmla="*/ 317580 w 442200"/>
              <a:gd name="connsiteY15" fmla="*/ 100500 h 482400"/>
              <a:gd name="connsiteX16" fmla="*/ 313560 w 442200"/>
              <a:gd name="connsiteY16" fmla="*/ 104520 h 482400"/>
              <a:gd name="connsiteX17" fmla="*/ 313560 w 442200"/>
              <a:gd name="connsiteY17" fmla="*/ 160800 h 482400"/>
              <a:gd name="connsiteX18" fmla="*/ 317580 w 442200"/>
              <a:gd name="connsiteY18" fmla="*/ 164820 h 482400"/>
              <a:gd name="connsiteX19" fmla="*/ 373860 w 442200"/>
              <a:gd name="connsiteY19" fmla="*/ 164820 h 482400"/>
              <a:gd name="connsiteX20" fmla="*/ 377880 w 442200"/>
              <a:gd name="connsiteY20" fmla="*/ 160800 h 482400"/>
              <a:gd name="connsiteX21" fmla="*/ 377880 w 442200"/>
              <a:gd name="connsiteY21" fmla="*/ 104520 h 482400"/>
              <a:gd name="connsiteX22" fmla="*/ 373860 w 442200"/>
              <a:gd name="connsiteY22" fmla="*/ 100500 h 482400"/>
              <a:gd name="connsiteX23" fmla="*/ 317580 w 442200"/>
              <a:gd name="connsiteY23" fmla="*/ 80400 h 482400"/>
              <a:gd name="connsiteX24" fmla="*/ 293460 w 442200"/>
              <a:gd name="connsiteY24" fmla="*/ 104520 h 482400"/>
              <a:gd name="connsiteX25" fmla="*/ 293460 w 442200"/>
              <a:gd name="connsiteY25" fmla="*/ 160800 h 482400"/>
              <a:gd name="connsiteX26" fmla="*/ 317580 w 442200"/>
              <a:gd name="connsiteY26" fmla="*/ 184920 h 482400"/>
              <a:gd name="connsiteX27" fmla="*/ 373860 w 442200"/>
              <a:gd name="connsiteY27" fmla="*/ 184920 h 482400"/>
              <a:gd name="connsiteX28" fmla="*/ 397980 w 442200"/>
              <a:gd name="connsiteY28" fmla="*/ 160800 h 482400"/>
              <a:gd name="connsiteX29" fmla="*/ 397980 w 442200"/>
              <a:gd name="connsiteY29" fmla="*/ 104520 h 482400"/>
              <a:gd name="connsiteX30" fmla="*/ 373860 w 442200"/>
              <a:gd name="connsiteY30" fmla="*/ 80400 h 482400"/>
              <a:gd name="connsiteX31" fmla="*/ 317580 w 442200"/>
              <a:gd name="connsiteY31" fmla="*/ 80400 h 482400"/>
              <a:gd name="connsiteX32" fmla="*/ 160800 w 442200"/>
              <a:gd name="connsiteY32" fmla="*/ 82410 h 482400"/>
              <a:gd name="connsiteX33" fmla="*/ 150750 w 442200"/>
              <a:gd name="connsiteY33" fmla="*/ 92460 h 482400"/>
              <a:gd name="connsiteX34" fmla="*/ 160800 w 442200"/>
              <a:gd name="connsiteY34" fmla="*/ 102510 h 482400"/>
              <a:gd name="connsiteX35" fmla="*/ 261300 w 442200"/>
              <a:gd name="connsiteY35" fmla="*/ 102510 h 482400"/>
              <a:gd name="connsiteX36" fmla="*/ 271350 w 442200"/>
              <a:gd name="connsiteY36" fmla="*/ 92460 h 482400"/>
              <a:gd name="connsiteX37" fmla="*/ 261300 w 442200"/>
              <a:gd name="connsiteY37" fmla="*/ 82410 h 482400"/>
              <a:gd name="connsiteX38" fmla="*/ 160800 w 442200"/>
              <a:gd name="connsiteY38" fmla="*/ 82410 h 482400"/>
              <a:gd name="connsiteX39" fmla="*/ 150750 w 442200"/>
              <a:gd name="connsiteY39" fmla="*/ 152760 h 482400"/>
              <a:gd name="connsiteX40" fmla="*/ 160800 w 442200"/>
              <a:gd name="connsiteY40" fmla="*/ 142710 h 482400"/>
              <a:gd name="connsiteX41" fmla="*/ 261300 w 442200"/>
              <a:gd name="connsiteY41" fmla="*/ 142710 h 482400"/>
              <a:gd name="connsiteX42" fmla="*/ 271350 w 442200"/>
              <a:gd name="connsiteY42" fmla="*/ 152760 h 482400"/>
              <a:gd name="connsiteX43" fmla="*/ 261300 w 442200"/>
              <a:gd name="connsiteY43" fmla="*/ 162810 h 482400"/>
              <a:gd name="connsiteX44" fmla="*/ 160800 w 442200"/>
              <a:gd name="connsiteY44" fmla="*/ 162810 h 482400"/>
              <a:gd name="connsiteX45" fmla="*/ 150750 w 442200"/>
              <a:gd name="connsiteY45" fmla="*/ 152760 h 482400"/>
              <a:gd name="connsiteX46" fmla="*/ 160800 w 442200"/>
              <a:gd name="connsiteY46" fmla="*/ 207030 h 482400"/>
              <a:gd name="connsiteX47" fmla="*/ 150750 w 442200"/>
              <a:gd name="connsiteY47" fmla="*/ 217080 h 482400"/>
              <a:gd name="connsiteX48" fmla="*/ 160800 w 442200"/>
              <a:gd name="connsiteY48" fmla="*/ 227130 h 482400"/>
              <a:gd name="connsiteX49" fmla="*/ 389940 w 442200"/>
              <a:gd name="connsiteY49" fmla="*/ 227130 h 482400"/>
              <a:gd name="connsiteX50" fmla="*/ 399990 w 442200"/>
              <a:gd name="connsiteY50" fmla="*/ 217080 h 482400"/>
              <a:gd name="connsiteX51" fmla="*/ 389940 w 442200"/>
              <a:gd name="connsiteY51" fmla="*/ 207030 h 482400"/>
              <a:gd name="connsiteX52" fmla="*/ 160800 w 442200"/>
              <a:gd name="connsiteY52" fmla="*/ 207030 h 482400"/>
              <a:gd name="connsiteX53" fmla="*/ 150750 w 442200"/>
              <a:gd name="connsiteY53" fmla="*/ 281400 h 482400"/>
              <a:gd name="connsiteX54" fmla="*/ 160800 w 442200"/>
              <a:gd name="connsiteY54" fmla="*/ 271350 h 482400"/>
              <a:gd name="connsiteX55" fmla="*/ 389940 w 442200"/>
              <a:gd name="connsiteY55" fmla="*/ 271350 h 482400"/>
              <a:gd name="connsiteX56" fmla="*/ 399990 w 442200"/>
              <a:gd name="connsiteY56" fmla="*/ 281400 h 482400"/>
              <a:gd name="connsiteX57" fmla="*/ 389940 w 442200"/>
              <a:gd name="connsiteY57" fmla="*/ 291450 h 482400"/>
              <a:gd name="connsiteX58" fmla="*/ 160800 w 442200"/>
              <a:gd name="connsiteY58" fmla="*/ 291450 h 482400"/>
              <a:gd name="connsiteX59" fmla="*/ 150750 w 442200"/>
              <a:gd name="connsiteY59" fmla="*/ 281400 h 482400"/>
              <a:gd name="connsiteX60" fmla="*/ 160800 w 442200"/>
              <a:gd name="connsiteY60" fmla="*/ 335670 h 482400"/>
              <a:gd name="connsiteX61" fmla="*/ 150750 w 442200"/>
              <a:gd name="connsiteY61" fmla="*/ 345720 h 482400"/>
              <a:gd name="connsiteX62" fmla="*/ 160800 w 442200"/>
              <a:gd name="connsiteY62" fmla="*/ 355770 h 482400"/>
              <a:gd name="connsiteX63" fmla="*/ 285420 w 442200"/>
              <a:gd name="connsiteY63" fmla="*/ 355770 h 482400"/>
              <a:gd name="connsiteX64" fmla="*/ 295470 w 442200"/>
              <a:gd name="connsiteY64" fmla="*/ 345720 h 482400"/>
              <a:gd name="connsiteX65" fmla="*/ 285420 w 442200"/>
              <a:gd name="connsiteY65" fmla="*/ 335670 h 482400"/>
              <a:gd name="connsiteX66" fmla="*/ 160800 w 442200"/>
              <a:gd name="connsiteY66" fmla="*/ 335670 h 482400"/>
              <a:gd name="connsiteX67" fmla="*/ 0 w 442200"/>
              <a:gd name="connsiteY67" fmla="*/ 422100 h 482400"/>
              <a:gd name="connsiteX68" fmla="*/ 0 w 442200"/>
              <a:gd name="connsiteY68" fmla="*/ 241200 h 482400"/>
              <a:gd name="connsiteX69" fmla="*/ 4020 w 442200"/>
              <a:gd name="connsiteY69" fmla="*/ 237180 h 482400"/>
              <a:gd name="connsiteX70" fmla="*/ 76380 w 442200"/>
              <a:gd name="connsiteY70" fmla="*/ 237180 h 482400"/>
              <a:gd name="connsiteX71" fmla="*/ 80400 w 442200"/>
              <a:gd name="connsiteY71" fmla="*/ 241200 h 482400"/>
              <a:gd name="connsiteX72" fmla="*/ 80400 w 442200"/>
              <a:gd name="connsiteY72" fmla="*/ 422100 h 482400"/>
              <a:gd name="connsiteX73" fmla="*/ 40200 w 442200"/>
              <a:gd name="connsiteY73" fmla="*/ 462300 h 482400"/>
              <a:gd name="connsiteX74" fmla="*/ 0 w 442200"/>
              <a:gd name="connsiteY74" fmla="*/ 422100 h 482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</a:cxnLst>
            <a:rect l="l" t="t" r="r" b="b"/>
            <a:pathLst>
              <a:path w="442200" h="482400">
                <a:moveTo>
                  <a:pt x="100500" y="16080"/>
                </a:moveTo>
                <a:cubicBezTo>
                  <a:pt x="100500" y="7199"/>
                  <a:pt x="107699" y="0"/>
                  <a:pt x="116580" y="0"/>
                </a:cubicBezTo>
                <a:lnTo>
                  <a:pt x="430140" y="0"/>
                </a:lnTo>
                <a:cubicBezTo>
                  <a:pt x="439021" y="0"/>
                  <a:pt x="446220" y="7199"/>
                  <a:pt x="446220" y="16080"/>
                </a:cubicBezTo>
                <a:lnTo>
                  <a:pt x="446220" y="418080"/>
                </a:lnTo>
                <a:cubicBezTo>
                  <a:pt x="446220" y="453603"/>
                  <a:pt x="417423" y="482400"/>
                  <a:pt x="381900" y="482400"/>
                </a:cubicBezTo>
                <a:lnTo>
                  <a:pt x="60300" y="482400"/>
                </a:lnTo>
                <a:lnTo>
                  <a:pt x="60300" y="482400"/>
                </a:lnTo>
                <a:cubicBezTo>
                  <a:pt x="58412" y="482400"/>
                  <a:pt x="58233" y="479689"/>
                  <a:pt x="60016" y="479068"/>
                </a:cubicBezTo>
                <a:cubicBezTo>
                  <a:pt x="83585" y="470871"/>
                  <a:pt x="100500" y="448461"/>
                  <a:pt x="100500" y="422100"/>
                </a:cubicBezTo>
                <a:lnTo>
                  <a:pt x="100500" y="237180"/>
                </a:lnTo>
                <a:lnTo>
                  <a:pt x="100500" y="221100"/>
                </a:lnTo>
                <a:lnTo>
                  <a:pt x="100500" y="217080"/>
                </a:lnTo>
                <a:lnTo>
                  <a:pt x="100500" y="16080"/>
                </a:lnTo>
                <a:close/>
                <a:moveTo>
                  <a:pt x="373860" y="100500"/>
                </a:moveTo>
                <a:lnTo>
                  <a:pt x="317580" y="100500"/>
                </a:lnTo>
                <a:cubicBezTo>
                  <a:pt x="315360" y="100500"/>
                  <a:pt x="313560" y="102300"/>
                  <a:pt x="313560" y="104520"/>
                </a:cubicBezTo>
                <a:lnTo>
                  <a:pt x="313560" y="160800"/>
                </a:lnTo>
                <a:cubicBezTo>
                  <a:pt x="313560" y="163020"/>
                  <a:pt x="315360" y="164820"/>
                  <a:pt x="317580" y="164820"/>
                </a:cubicBezTo>
                <a:lnTo>
                  <a:pt x="373860" y="164820"/>
                </a:lnTo>
                <a:cubicBezTo>
                  <a:pt x="376080" y="164820"/>
                  <a:pt x="377880" y="163020"/>
                  <a:pt x="377880" y="160800"/>
                </a:cubicBezTo>
                <a:lnTo>
                  <a:pt x="377880" y="104520"/>
                </a:lnTo>
                <a:cubicBezTo>
                  <a:pt x="377880" y="102300"/>
                  <a:pt x="376080" y="100500"/>
                  <a:pt x="373860" y="100500"/>
                </a:cubicBezTo>
                <a:close/>
                <a:moveTo>
                  <a:pt x="317580" y="80400"/>
                </a:moveTo>
                <a:cubicBezTo>
                  <a:pt x="304259" y="80400"/>
                  <a:pt x="293460" y="91199"/>
                  <a:pt x="293460" y="104520"/>
                </a:cubicBezTo>
                <a:lnTo>
                  <a:pt x="293460" y="160800"/>
                </a:lnTo>
                <a:cubicBezTo>
                  <a:pt x="293460" y="174121"/>
                  <a:pt x="304259" y="184920"/>
                  <a:pt x="317580" y="184920"/>
                </a:cubicBezTo>
                <a:lnTo>
                  <a:pt x="373860" y="184920"/>
                </a:lnTo>
                <a:cubicBezTo>
                  <a:pt x="387181" y="184920"/>
                  <a:pt x="397980" y="174121"/>
                  <a:pt x="397980" y="160800"/>
                </a:cubicBezTo>
                <a:lnTo>
                  <a:pt x="397980" y="104520"/>
                </a:lnTo>
                <a:cubicBezTo>
                  <a:pt x="397980" y="91199"/>
                  <a:pt x="387181" y="80400"/>
                  <a:pt x="373860" y="80400"/>
                </a:cubicBezTo>
                <a:lnTo>
                  <a:pt x="317580" y="80400"/>
                </a:lnTo>
                <a:close/>
                <a:moveTo>
                  <a:pt x="160800" y="82410"/>
                </a:moveTo>
                <a:cubicBezTo>
                  <a:pt x="155249" y="82410"/>
                  <a:pt x="150750" y="86909"/>
                  <a:pt x="150750" y="92460"/>
                </a:cubicBezTo>
                <a:cubicBezTo>
                  <a:pt x="150750" y="98011"/>
                  <a:pt x="155249" y="102510"/>
                  <a:pt x="160800" y="102510"/>
                </a:cubicBezTo>
                <a:lnTo>
                  <a:pt x="261300" y="102510"/>
                </a:lnTo>
                <a:cubicBezTo>
                  <a:pt x="266851" y="102510"/>
                  <a:pt x="271350" y="98011"/>
                  <a:pt x="271350" y="92460"/>
                </a:cubicBezTo>
                <a:cubicBezTo>
                  <a:pt x="271350" y="86909"/>
                  <a:pt x="266851" y="82410"/>
                  <a:pt x="261300" y="82410"/>
                </a:cubicBezTo>
                <a:lnTo>
                  <a:pt x="160800" y="82410"/>
                </a:lnTo>
                <a:close/>
                <a:moveTo>
                  <a:pt x="150750" y="152760"/>
                </a:moveTo>
                <a:cubicBezTo>
                  <a:pt x="150750" y="147209"/>
                  <a:pt x="155249" y="142710"/>
                  <a:pt x="160800" y="142710"/>
                </a:cubicBezTo>
                <a:lnTo>
                  <a:pt x="261300" y="142710"/>
                </a:lnTo>
                <a:cubicBezTo>
                  <a:pt x="266851" y="142710"/>
                  <a:pt x="271350" y="147209"/>
                  <a:pt x="271350" y="152760"/>
                </a:cubicBezTo>
                <a:cubicBezTo>
                  <a:pt x="271350" y="158311"/>
                  <a:pt x="266851" y="162810"/>
                  <a:pt x="261300" y="162810"/>
                </a:cubicBezTo>
                <a:lnTo>
                  <a:pt x="160800" y="162810"/>
                </a:lnTo>
                <a:cubicBezTo>
                  <a:pt x="155249" y="162810"/>
                  <a:pt x="150750" y="158311"/>
                  <a:pt x="150750" y="152760"/>
                </a:cubicBezTo>
                <a:close/>
                <a:moveTo>
                  <a:pt x="160800" y="207030"/>
                </a:moveTo>
                <a:cubicBezTo>
                  <a:pt x="155249" y="207030"/>
                  <a:pt x="150750" y="211529"/>
                  <a:pt x="150750" y="217080"/>
                </a:cubicBezTo>
                <a:cubicBezTo>
                  <a:pt x="150750" y="222631"/>
                  <a:pt x="155249" y="227130"/>
                  <a:pt x="160800" y="227130"/>
                </a:cubicBezTo>
                <a:lnTo>
                  <a:pt x="389940" y="227130"/>
                </a:lnTo>
                <a:cubicBezTo>
                  <a:pt x="395491" y="227130"/>
                  <a:pt x="399990" y="222631"/>
                  <a:pt x="399990" y="217080"/>
                </a:cubicBezTo>
                <a:cubicBezTo>
                  <a:pt x="399990" y="211529"/>
                  <a:pt x="395491" y="207030"/>
                  <a:pt x="389940" y="207030"/>
                </a:cubicBezTo>
                <a:lnTo>
                  <a:pt x="160800" y="207030"/>
                </a:lnTo>
                <a:close/>
                <a:moveTo>
                  <a:pt x="150750" y="281400"/>
                </a:moveTo>
                <a:cubicBezTo>
                  <a:pt x="150750" y="275849"/>
                  <a:pt x="155249" y="271350"/>
                  <a:pt x="160800" y="271350"/>
                </a:cubicBezTo>
                <a:lnTo>
                  <a:pt x="389940" y="271350"/>
                </a:lnTo>
                <a:cubicBezTo>
                  <a:pt x="395491" y="271350"/>
                  <a:pt x="399990" y="275849"/>
                  <a:pt x="399990" y="281400"/>
                </a:cubicBezTo>
                <a:cubicBezTo>
                  <a:pt x="399990" y="286951"/>
                  <a:pt x="395491" y="291450"/>
                  <a:pt x="389940" y="291450"/>
                </a:cubicBezTo>
                <a:lnTo>
                  <a:pt x="160800" y="291450"/>
                </a:lnTo>
                <a:cubicBezTo>
                  <a:pt x="155249" y="291450"/>
                  <a:pt x="150750" y="286951"/>
                  <a:pt x="150750" y="281400"/>
                </a:cubicBezTo>
                <a:close/>
                <a:moveTo>
                  <a:pt x="160800" y="335670"/>
                </a:moveTo>
                <a:cubicBezTo>
                  <a:pt x="155249" y="335670"/>
                  <a:pt x="150750" y="340169"/>
                  <a:pt x="150750" y="345720"/>
                </a:cubicBezTo>
                <a:cubicBezTo>
                  <a:pt x="150750" y="351271"/>
                  <a:pt x="155249" y="355770"/>
                  <a:pt x="160800" y="355770"/>
                </a:cubicBezTo>
                <a:lnTo>
                  <a:pt x="285420" y="355770"/>
                </a:lnTo>
                <a:cubicBezTo>
                  <a:pt x="290971" y="355770"/>
                  <a:pt x="295470" y="351271"/>
                  <a:pt x="295470" y="345720"/>
                </a:cubicBezTo>
                <a:cubicBezTo>
                  <a:pt x="295470" y="340169"/>
                  <a:pt x="290971" y="335670"/>
                  <a:pt x="285420" y="335670"/>
                </a:cubicBezTo>
                <a:lnTo>
                  <a:pt x="160800" y="335670"/>
                </a:lnTo>
                <a:close/>
                <a:moveTo>
                  <a:pt x="0" y="422100"/>
                </a:moveTo>
                <a:lnTo>
                  <a:pt x="0" y="241200"/>
                </a:lnTo>
                <a:cubicBezTo>
                  <a:pt x="0" y="238980"/>
                  <a:pt x="1800" y="237180"/>
                  <a:pt x="4020" y="237180"/>
                </a:cubicBezTo>
                <a:lnTo>
                  <a:pt x="76380" y="237180"/>
                </a:lnTo>
                <a:cubicBezTo>
                  <a:pt x="78600" y="237180"/>
                  <a:pt x="80400" y="238980"/>
                  <a:pt x="80400" y="241200"/>
                </a:cubicBezTo>
                <a:lnTo>
                  <a:pt x="80400" y="422100"/>
                </a:lnTo>
                <a:cubicBezTo>
                  <a:pt x="80400" y="444302"/>
                  <a:pt x="62402" y="462300"/>
                  <a:pt x="40200" y="462300"/>
                </a:cubicBezTo>
                <a:cubicBezTo>
                  <a:pt x="17998" y="462300"/>
                  <a:pt x="0" y="444302"/>
                  <a:pt x="0" y="422100"/>
                </a:cubicBezTo>
                <a:close/>
              </a:path>
            </a:pathLst>
          </a:custGeom>
          <a:solidFill>
            <a:srgbClr val="B4C7E7"/>
          </a:solidFill>
          <a:ln w="9525" cap="flat">
            <a:noFill/>
            <a:prstDash val="solid"/>
            <a:miter/>
          </a:ln>
        </p:spPr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>
            <a:defPPr>
              <a:defRPr lang="en-US"/>
            </a:defPPr>
            <a:lvl1pPr marL="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 dirty="0"/>
          </a:p>
        </p:txBody>
      </p:sp>
      <p:sp>
        <p:nvSpPr>
          <p:cNvPr id="9" name="TextBox 8">
            <a:extLst>
              <a:ext uri="{FF2B5EF4-FFF2-40B4-BE49-F238E27FC236}">
                <a16:creationId xmlns=""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Мазмұны</a:t>
            </a:r>
          </a:p>
        </p:txBody>
      </p:sp>
      <p:grpSp>
        <p:nvGrpSpPr>
          <p:cNvPr id="15" name="Группа  3"/>
          <p:cNvGrpSpPr/>
          <p:nvPr/>
        </p:nvGrpSpPr>
        <p:grpSpPr>
          <a:xfrm>
            <a:off x="830221" y="3824557"/>
            <a:ext cx="6153495" cy="611814"/>
            <a:chOff x="909439" y="2101091"/>
            <a:chExt cx="6153495" cy="611814"/>
          </a:xfrm>
        </p:grpSpPr>
        <p:sp>
          <p:nvSpPr>
            <p:cNvPr id="16" name="Прямоугольник  5"/>
            <p:cNvSpPr/>
            <p:nvPr/>
          </p:nvSpPr>
          <p:spPr>
            <a:xfrm>
              <a:off x="909439" y="2158198"/>
              <a:ext cx="6153495" cy="554707"/>
            </a:xfrm>
            <a:prstGeom prst="rect">
              <a:avLst/>
            </a:prstGeom>
            <a:solidFill>
              <a:schemeClr val="accent1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17" name="Прямоугольник  6"/>
            <p:cNvSpPr/>
            <p:nvPr/>
          </p:nvSpPr>
          <p:spPr>
            <a:xfrm>
              <a:off x="909439" y="2101091"/>
              <a:ext cx="6153495" cy="554707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grpSp>
        <p:nvGrpSpPr>
          <p:cNvPr id="18" name="Группа  4"/>
          <p:cNvGrpSpPr/>
          <p:nvPr/>
        </p:nvGrpSpPr>
        <p:grpSpPr>
          <a:xfrm>
            <a:off x="821801" y="2968000"/>
            <a:ext cx="6153495" cy="611814"/>
            <a:chOff x="909439" y="2101091"/>
            <a:chExt cx="6153495" cy="611814"/>
          </a:xfrm>
        </p:grpSpPr>
        <p:sp>
          <p:nvSpPr>
            <p:cNvPr id="19" name="Прямоугольник  7"/>
            <p:cNvSpPr/>
            <p:nvPr/>
          </p:nvSpPr>
          <p:spPr>
            <a:xfrm>
              <a:off x="909439" y="2158198"/>
              <a:ext cx="6153495" cy="554707"/>
            </a:xfrm>
            <a:prstGeom prst="rect">
              <a:avLst/>
            </a:prstGeom>
            <a:solidFill>
              <a:schemeClr val="accent1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20" name="Прямоугольник  8"/>
            <p:cNvSpPr/>
            <p:nvPr/>
          </p:nvSpPr>
          <p:spPr>
            <a:xfrm>
              <a:off x="909439" y="2101091"/>
              <a:ext cx="6153495" cy="554707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grpSp>
        <p:nvGrpSpPr>
          <p:cNvPr id="21" name="Группа  5"/>
          <p:cNvGrpSpPr/>
          <p:nvPr/>
        </p:nvGrpSpPr>
        <p:grpSpPr>
          <a:xfrm>
            <a:off x="821801" y="2111443"/>
            <a:ext cx="6153495" cy="611814"/>
            <a:chOff x="909439" y="2101091"/>
            <a:chExt cx="6153495" cy="611814"/>
          </a:xfrm>
        </p:grpSpPr>
        <p:sp>
          <p:nvSpPr>
            <p:cNvPr id="22" name="Прямоугольник  9"/>
            <p:cNvSpPr/>
            <p:nvPr/>
          </p:nvSpPr>
          <p:spPr>
            <a:xfrm>
              <a:off x="909439" y="2158198"/>
              <a:ext cx="6153495" cy="554707"/>
            </a:xfrm>
            <a:prstGeom prst="rect">
              <a:avLst/>
            </a:prstGeom>
            <a:solidFill>
              <a:schemeClr val="accent1">
                <a:lumMod val="40000"/>
                <a:lumOff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23" name="Прямоугольник  10"/>
            <p:cNvSpPr/>
            <p:nvPr/>
          </p:nvSpPr>
          <p:spPr>
            <a:xfrm>
              <a:off x="909439" y="2101091"/>
              <a:ext cx="6153495" cy="554707"/>
            </a:xfrm>
            <a:prstGeom prst="rect">
              <a:avLst/>
            </a:prstGeom>
            <a:solidFill>
              <a:schemeClr val="accent1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 sz="1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sp>
        <p:nvSpPr>
          <p:cNvPr id="26" name="Текст  3"/>
          <p:cNvSpPr txBox="1">
            <a:spLocks/>
          </p:cNvSpPr>
          <p:nvPr/>
        </p:nvSpPr>
        <p:spPr>
          <a:xfrm>
            <a:off x="838643" y="3844071"/>
            <a:ext cx="6136653" cy="554707"/>
          </a:xfrm>
          <a:prstGeom prst="roundRect">
            <a:avLst>
              <a:gd name="adj" fmla="val 4771"/>
            </a:avLst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ru-RU" sz="1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Сұрақ</a:t>
            </a:r>
            <a:r>
              <a:rPr lang="ru-RU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№ 3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ru-RU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Тақырыптың үшінші сұрағының атауын енгізіңіз</a:t>
            </a:r>
          </a:p>
        </p:txBody>
      </p:sp>
      <p:sp>
        <p:nvSpPr>
          <p:cNvPr id="27" name="Текст  4"/>
          <p:cNvSpPr txBox="1">
            <a:spLocks/>
          </p:cNvSpPr>
          <p:nvPr/>
        </p:nvSpPr>
        <p:spPr>
          <a:xfrm>
            <a:off x="838643" y="2992170"/>
            <a:ext cx="6136653" cy="554707"/>
          </a:xfrm>
          <a:prstGeom prst="roundRect">
            <a:avLst>
              <a:gd name="adj" fmla="val 4771"/>
            </a:avLst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ru-RU" sz="1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Сұрақ</a:t>
            </a:r>
            <a:r>
              <a:rPr lang="ru-RU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№ 2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ru-RU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Тақырыптың 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екінші </a:t>
            </a:r>
            <a:r>
              <a:rPr lang="ru-RU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сұрағының атауын енгізіңіз</a:t>
            </a:r>
          </a:p>
        </p:txBody>
      </p:sp>
      <p:sp>
        <p:nvSpPr>
          <p:cNvPr id="28" name="Текст  5"/>
          <p:cNvSpPr txBox="1">
            <a:spLocks/>
          </p:cNvSpPr>
          <p:nvPr/>
        </p:nvSpPr>
        <p:spPr>
          <a:xfrm>
            <a:off x="821801" y="2140269"/>
            <a:ext cx="6136653" cy="554707"/>
          </a:xfrm>
          <a:prstGeom prst="roundRect">
            <a:avLst>
              <a:gd name="adj" fmla="val 4771"/>
            </a:avLst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ru-RU" sz="14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Сұрақ</a:t>
            </a:r>
            <a:r>
              <a:rPr lang="ru-RU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14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№ 1</a:t>
            </a:r>
            <a:r>
              <a:rPr lang="ru-RU" sz="1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 Тақырыптың бірінші сұрағының атауын енгізіңіз</a:t>
            </a:r>
          </a:p>
        </p:txBody>
      </p:sp>
      <p:sp>
        <p:nvSpPr>
          <p:cNvPr id="2" name="Прямоугольник 1"/>
          <p:cNvSpPr/>
          <p:nvPr/>
        </p:nvSpPr>
        <p:spPr>
          <a:xfrm>
            <a:off x="693740" y="5190062"/>
            <a:ext cx="9930267" cy="73866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14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Ескерту</a:t>
            </a:r>
            <a:r>
              <a:rPr lang="en-US" sz="14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  <a:endParaRPr lang="ru-RU" sz="1400" b="1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ru-RU" sz="14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Мәтін </a:t>
            </a:r>
            <a:r>
              <a:rPr lang="ru-RU" sz="14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біркелкі стильде безендіріледі: шрифт, өлшем және мәтіннің түсі. Мәтінді суреттерге немесе басқа элементтерге қабаттастырмаңыз. Барлық элементтердің орналасуында оқуға жеңілдігі мен ұқыптылығын бақылаңыз.</a:t>
            </a:r>
          </a:p>
        </p:txBody>
      </p:sp>
      <p:sp>
        <p:nvSpPr>
          <p:cNvPr id="24" name="Прямоугольник 23"/>
          <p:cNvSpPr/>
          <p:nvPr/>
        </p:nvSpPr>
        <p:spPr>
          <a:xfrm>
            <a:off x="838643" y="468077"/>
            <a:ext cx="9930267" cy="10772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kk-KZ" sz="16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Дәріс №1. </a:t>
            </a:r>
          </a:p>
          <a:p>
            <a:pPr algn="just"/>
            <a:endParaRPr lang="kk-KZ" sz="1600" b="1" dirty="0" smtClean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endParaRPr lang="kk-KZ" sz="1600" b="1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kk-KZ" sz="1600" b="1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Дәрістің мақстаы: </a:t>
            </a:r>
            <a:endParaRPr lang="ru-RU" sz="1600" b="1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165107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Текст  1"/>
          <p:cNvSpPr>
            <a:spLocks noGrp="1"/>
          </p:cNvSpPr>
          <p:nvPr>
            <p:ph type="body" sz="half" idx="2"/>
          </p:nvPr>
        </p:nvSpPr>
        <p:spPr>
          <a:xfrm>
            <a:off x="478376" y="2282417"/>
            <a:ext cx="4298059" cy="1728678"/>
          </a:xfrm>
        </p:spPr>
        <p:txBody>
          <a:bodyPr wrap="square">
            <a:spAutoFit/>
          </a:bodyPr>
          <a:lstStyle/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қа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жинағынан интерактивті элемент қосу қажет (процесс, аннотация, иерархия, каталог, қойындылар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</a:t>
            </a:r>
          </a:p>
          <a:p>
            <a:pPr algn="just">
              <a:lnSpc>
                <a:spcPct val="100000"/>
              </a:lnSpc>
            </a:pP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материалды визуализациялау үшін сурет немесе бейнемазмұнды қамтуы керек. Барлық элементтер анық және жоғары сапалы болуы тиіс. Бүлінген скриншоттарды пайдаланбаңыз.</a:t>
            </a:r>
          </a:p>
        </p:txBody>
      </p:sp>
      <p:sp>
        <p:nvSpPr>
          <p:cNvPr id="8" name="Прямоугольник  1"/>
          <p:cNvSpPr/>
          <p:nvPr/>
        </p:nvSpPr>
        <p:spPr>
          <a:xfrm>
            <a:off x="824570" y="2116487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rgbClr val="002060"/>
              </a:solidFill>
            </a:endParaRPr>
          </a:p>
        </p:txBody>
      </p:sp>
      <p:sp>
        <p:nvSpPr>
          <p:cNvPr id="29" name="Заголовок"/>
          <p:cNvSpPr>
            <a:spLocks noGrp="1"/>
          </p:cNvSpPr>
          <p:nvPr>
            <p:ph type="title"/>
          </p:nvPr>
        </p:nvSpPr>
        <p:spPr>
          <a:xfrm>
            <a:off x="707574" y="1389529"/>
            <a:ext cx="3678160" cy="430804"/>
          </a:xfrm>
        </p:spPr>
        <p:txBody>
          <a:bodyPr vert="horz" lIns="68580" tIns="34290" rIns="68580" bIns="34290" rtlCol="0" anchor="b">
            <a:noAutofit/>
          </a:bodyPr>
          <a:lstStyle/>
          <a:p>
            <a:pPr>
              <a:lnSpc>
                <a:spcPct val="130000"/>
              </a:lnSpc>
            </a:pPr>
            <a:r>
              <a:rPr lang="ru-RU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 элемент 1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Кіріспе</a:t>
            </a:r>
          </a:p>
        </p:txBody>
      </p:sp>
      <p:pic>
        <p:nvPicPr>
          <p:cNvPr id="17" name="Рисунок 16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8831" b="18831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332326763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Рисунок 6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12" name="Прямоугольник  1"/>
          <p:cNvSpPr/>
          <p:nvPr/>
        </p:nvSpPr>
        <p:spPr>
          <a:xfrm>
            <a:off x="928107" y="1581676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6" name="Прямоугольник 5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еориялық бөлім</a:t>
            </a:r>
          </a:p>
        </p:txBody>
      </p:sp>
      <p:sp>
        <p:nvSpPr>
          <p:cNvPr id="8" name="Текст  1"/>
          <p:cNvSpPr txBox="1">
            <a:spLocks/>
          </p:cNvSpPr>
          <p:nvPr/>
        </p:nvSpPr>
        <p:spPr>
          <a:xfrm>
            <a:off x="823289" y="1923059"/>
            <a:ext cx="4298059" cy="1944122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қа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жинағынан интерактивті элемент қосу қажет (процесс, аннотация, иерархия, каталог, қойындылар</a:t>
            </a: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.</a:t>
            </a:r>
          </a:p>
          <a:p>
            <a:pPr algn="just">
              <a:lnSpc>
                <a:spcPct val="100000"/>
              </a:lnSpc>
            </a:pPr>
            <a:r>
              <a:rPr lang="ru-RU" sz="14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мәтіндік сипаттаманы қамтуы тиіс және міндетті түрде сурет немесе мультимедиялық контентті (бейне немесе дыбыс) пайдалануы керек. Барлық элементтер визуалды және стильдік жағынан бір-бірімен үйлесімді болуы тиіс.</a:t>
            </a:r>
          </a:p>
        </p:txBody>
      </p:sp>
      <p:sp>
        <p:nvSpPr>
          <p:cNvPr id="9" name="Заголовок"/>
          <p:cNvSpPr txBox="1">
            <a:spLocks/>
          </p:cNvSpPr>
          <p:nvPr/>
        </p:nvSpPr>
        <p:spPr>
          <a:xfrm>
            <a:off x="823289" y="1060891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ru-RU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 элемент </a:t>
            </a:r>
            <a:r>
              <a:rPr lang="ru-RU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579431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Рисунок 6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12" name="Прямоугольник  1"/>
          <p:cNvSpPr/>
          <p:nvPr/>
        </p:nvSpPr>
        <p:spPr>
          <a:xfrm>
            <a:off x="928107" y="1581676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6" name="Прямоугольник 5"/>
          <p:cNvSpPr/>
          <p:nvPr/>
        </p:nvSpPr>
        <p:spPr>
          <a:xfrm>
            <a:off x="0" y="0"/>
            <a:ext cx="403412" cy="6858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vert="vert270" rtlCol="0" anchor="ctr"/>
          <a:lstStyle/>
          <a:p>
            <a:pPr algn="ctr"/>
            <a:r>
              <a:rPr lang="ru-RU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Теориялық бөлім</a:t>
            </a:r>
          </a:p>
        </p:txBody>
      </p:sp>
      <p:sp>
        <p:nvSpPr>
          <p:cNvPr id="8" name="Текст  1"/>
          <p:cNvSpPr txBox="1">
            <a:spLocks/>
          </p:cNvSpPr>
          <p:nvPr/>
        </p:nvSpPr>
        <p:spPr>
          <a:xfrm>
            <a:off x="823289" y="1923059"/>
            <a:ext cx="4298059" cy="1944122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қа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жинағынан интерактивті элемент қосу қажет (процесс, аннотация, иерархия, каталог, қойындылар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мәтіндік сипаттаманы қамтуы тиіс және міндетті түрде сурет немесе мультимедиялық контентті (бейне немесе дыбыс) пайдалануы керек. Барлық элементтер визуалды және стильдік жағынан бір-бірімен үйлесімді болуы тиіс.</a:t>
            </a:r>
          </a:p>
        </p:txBody>
      </p:sp>
      <p:sp>
        <p:nvSpPr>
          <p:cNvPr id="9" name="Заголовок"/>
          <p:cNvSpPr txBox="1">
            <a:spLocks/>
          </p:cNvSpPr>
          <p:nvPr/>
        </p:nvSpPr>
        <p:spPr>
          <a:xfrm>
            <a:off x="823289" y="998181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ru-RU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 элемент </a:t>
            </a:r>
            <a:r>
              <a:rPr lang="ru-RU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77956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Рисунок 8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8" name="Прямоугольник  1"/>
          <p:cNvSpPr/>
          <p:nvPr/>
        </p:nvSpPr>
        <p:spPr>
          <a:xfrm>
            <a:off x="5655999" y="1653911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4" name="Рисунок 3"/>
          <p:cNvPicPr>
            <a:picLocks noGrp="1" noChangeAspect="1"/>
          </p:cNvPicPr>
          <p:nvPr>
            <p:ph type="pic" idx="1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844" b="2844"/>
          <a:stretch>
            <a:fillRect/>
          </a:stretch>
        </p:blipFill>
        <p:spPr/>
      </p:pic>
      <p:sp>
        <p:nvSpPr>
          <p:cNvPr id="10" name="Заголовок"/>
          <p:cNvSpPr txBox="1">
            <a:spLocks/>
          </p:cNvSpPr>
          <p:nvPr/>
        </p:nvSpPr>
        <p:spPr>
          <a:xfrm>
            <a:off x="5550522" y="964698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ru-RU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 элемент </a:t>
            </a:r>
            <a:r>
              <a:rPr lang="ru-RU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4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Текст  1"/>
          <p:cNvSpPr txBox="1">
            <a:spLocks/>
          </p:cNvSpPr>
          <p:nvPr/>
        </p:nvSpPr>
        <p:spPr>
          <a:xfrm>
            <a:off x="5550522" y="2035424"/>
            <a:ext cx="4298059" cy="1944122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қа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жинағынан интерактивті элемент қосу қажет (процесс, аннотация, иерархия, каталог, қойындылар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мәтіндік сипаттаманы қамтуы тиіс және міндетті түрде сурет немесе мультимедиялық контентті (бейне немесе дыбыс) пайдалануы керек. Барлық элементтер визуалды және стильдік жағынан бір-бірімен үйлесімді болуы тиіс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18634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Рисунок 8">
            <a:extLst>
              <a:ext uri="{FF2B5EF4-FFF2-40B4-BE49-F238E27FC236}">
                <a16:creationId xmlns="" xmlns:a16="http://schemas.microsoft.com/office/drawing/2014/main" id="{C874156F-85D7-4871-A7AC-3B5D92AE11F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8" name="Прямоугольник  1"/>
          <p:cNvSpPr/>
          <p:nvPr/>
        </p:nvSpPr>
        <p:spPr>
          <a:xfrm>
            <a:off x="5655999" y="1653911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4" name="Рисунок 3"/>
          <p:cNvPicPr>
            <a:picLocks noGrp="1" noChangeAspect="1"/>
          </p:cNvPicPr>
          <p:nvPr>
            <p:ph type="pic" idx="1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844" b="2844"/>
          <a:stretch>
            <a:fillRect/>
          </a:stretch>
        </p:blipFill>
        <p:spPr/>
      </p:pic>
      <p:sp>
        <p:nvSpPr>
          <p:cNvPr id="10" name="Заголовок"/>
          <p:cNvSpPr txBox="1">
            <a:spLocks/>
          </p:cNvSpPr>
          <p:nvPr/>
        </p:nvSpPr>
        <p:spPr>
          <a:xfrm>
            <a:off x="5550522" y="964698"/>
            <a:ext cx="3678160" cy="430804"/>
          </a:xfrm>
          <a:prstGeom prst="rect">
            <a:avLst/>
          </a:prstGeom>
        </p:spPr>
        <p:txBody>
          <a:bodyPr vert="horz" lIns="68580" tIns="34290" rIns="68580" bIns="34290" rtlCol="0"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200" kern="120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>
              <a:lnSpc>
                <a:spcPct val="130000"/>
              </a:lnSpc>
            </a:pPr>
            <a:r>
              <a:rPr lang="ru-RU" sz="20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 элемент </a:t>
            </a:r>
            <a:r>
              <a:rPr lang="ru-RU" sz="20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</a:t>
            </a:r>
            <a:endParaRPr lang="en-US" sz="20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Текст  1"/>
          <p:cNvSpPr txBox="1">
            <a:spLocks/>
          </p:cNvSpPr>
          <p:nvPr/>
        </p:nvSpPr>
        <p:spPr>
          <a:xfrm>
            <a:off x="5550522" y="1948320"/>
            <a:ext cx="4298059" cy="1944122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қа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жинағынан интерактивті элемент қосу қажет (процесс, аннотация, иерархия, каталог, қойындылар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мәтіндік сипаттаманы қамтуы тиіс және міндетті түрде сурет немесе мультимедиялық контентті (бейне немесе дыбыс) пайдалануы керек. Барлық элементтер визуалды және стильдік жағынан бір-бірімен үйлесімді болуы тиіс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67358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515304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 элемент 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6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қа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жинағынан интерактивті элемент қосу қажет (процесс, аннотация, иерархия, каталог, қойындылар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мәтіндік сипаттаманы қамтуы тиіс және міндетті түрде сурет немесе мультимедиялық контентті (бейне немесе дыбыс) пайдалануы керек. Барлық элементтер визуалды және стильдік жағынан бір-бірімен үйлесімді болуы тиіс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76982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 1"/>
          <p:cNvSpPr/>
          <p:nvPr/>
        </p:nvSpPr>
        <p:spPr>
          <a:xfrm>
            <a:off x="912935" y="4792005"/>
            <a:ext cx="551237" cy="36000"/>
          </a:xfrm>
          <a:prstGeom prst="rect">
            <a:avLst/>
          </a:prstGeom>
          <a:solidFill>
            <a:srgbClr val="2B4C9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 dirty="0">
              <a:solidFill>
                <a:schemeClr val="accent1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Рисунок 2"/>
          <p:cNvPicPr>
            <a:picLocks noGrp="1" noChangeAspect="1"/>
          </p:cNvPicPr>
          <p:nvPr>
            <p:ph type="pic" idx="1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7220" b="17220"/>
          <a:stretch>
            <a:fillRect/>
          </a:stretch>
        </p:blipFill>
        <p:spPr/>
      </p:pic>
      <p:sp>
        <p:nvSpPr>
          <p:cNvPr id="5" name="Прямоугольник 4"/>
          <p:cNvSpPr/>
          <p:nvPr/>
        </p:nvSpPr>
        <p:spPr>
          <a:xfrm>
            <a:off x="817312" y="4101463"/>
            <a:ext cx="2515304" cy="4524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30000"/>
              </a:lnSpc>
            </a:pPr>
            <a:r>
              <a:rPr lang="ru-RU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 элемент </a:t>
            </a:r>
            <a:r>
              <a:rPr lang="ru-RU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7</a:t>
            </a:r>
            <a:endParaRPr lang="en-US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Текст  1"/>
          <p:cNvSpPr txBox="1">
            <a:spLocks/>
          </p:cNvSpPr>
          <p:nvPr/>
        </p:nvSpPr>
        <p:spPr>
          <a:xfrm>
            <a:off x="817312" y="4913878"/>
            <a:ext cx="10607975" cy="866904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4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қа </a:t>
            </a:r>
            <a:r>
              <a:rPr lang="en-US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</a:t>
            </a: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жинағынан интерактивті элемент қосу қажет (процесс, аннотация, иерархия, каталог, қойындылар).</a:t>
            </a:r>
          </a:p>
          <a:p>
            <a:pPr algn="just">
              <a:lnSpc>
                <a:spcPct val="100000"/>
              </a:lnSpc>
            </a:pPr>
            <a:r>
              <a:rPr lang="ru-RU" sz="14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активтілік мәтіндік сипаттаманы қамтуы тиіс және міндетті түрде сурет немесе мультимедиялық контентті (бейне немесе дыбыс) пайдалануы керек. Барлық элементтер визуалды және стильдік жағынан бір-бірімен үйлесімді болуы тиіс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68700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COURSE_TITLE" val="Шаблон презентации синий фон RU"/>
  <p:tag name="ISPRING_PLAYERS_CUSTOMIZATION_2" val="UEsDBBQAAgAIAC9sL0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"/>
  <p:tag name="ISPRING_CURRENT_PLAYER_ID" val="universal"/>
  <p:tag name="ISPRING_PROJECT_VERSION" val="9.3"/>
  <p:tag name="ISPRING_PROJECT_FOLDER_UPDATED" val="1"/>
  <p:tag name="ISPRING_UUID" val="{C998413B-3B79-418D-BA20-395CB3FD41DE}"/>
  <p:tag name="ISPRING_RESOURCE_FOLDER" val="C:\Users\Алтынай Аскаркызы\Downloads\Шаблон презентации ЦОР KZ\"/>
  <p:tag name="ISPRING_PRESENTATION_PATH" val="C:\Users\Алтынай Аскаркызы\Downloads\Шаблон презентации ЦОР KZ.pptx"/>
  <p:tag name="ISPRING_SCREEN_RECS_UPDATED" val="C:\Users\Алтынай Аскаркызы\Downloads\Шаблон презентации ЦОР KZ\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F8pigIzJrs-bWN_lDaQymw&quot;,&quot;gi&quot;:&quot;FGqgo8LJlWW1vXT3-lNxyg&quot;,&quot;ti&quot;:&quot;ui_elements&quot;,&quot;vs&quot;:{&quot;f&quot;:[335],&quot;i&quot;:{&quot;d&quot;:&quot;F8pigIzJrs-bWN_lDaQymw&quot;,&quot;p&quot;:true}}}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8&quot;,&quot;gi&quot;:&quot;3&quot;,&quot;ti&quot;:&quot;ui_elements&quot;,&quot;vs&quot;:{&quot;f&quot;:[388,55,61],&quot;i&quot;:&quot;58&quot;}}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8&quot;,&quot;gi&quot;:&quot;3&quot;,&quot;ti&quot;:&quot;ui_elements&quot;,&quot;vs&quot;:{&quot;f&quot;:[388,55,61],&quot;i&quot;:&quot;58&quot;}}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58&quot;,&quot;gi&quot;:&quot;3&quot;,&quot;ti&quot;:&quot;ui_elements&quot;,&quot;vs&quot;:{&quot;f&quot;:[388,55,61],&quot;i&quot;:&quot;58&quot;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F44AECE5-9CAC-463C-9761-4D3C09ABCB2B}" vid="{1D762875-F36A-44B7-A302-EF5578A2AEAD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79</TotalTime>
  <Words>642</Words>
  <Application>Microsoft Office PowerPoint</Application>
  <PresentationFormat>Широкоэкранный</PresentationFormat>
  <Paragraphs>65</Paragraphs>
  <Slides>12</Slides>
  <Notes>12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8</vt:i4>
      </vt:variant>
      <vt:variant>
        <vt:lpstr>Тема</vt:lpstr>
      </vt:variant>
      <vt:variant>
        <vt:i4>2</vt:i4>
      </vt:variant>
      <vt:variant>
        <vt:lpstr>Заголовки слайдов</vt:lpstr>
      </vt:variant>
      <vt:variant>
        <vt:i4>12</vt:i4>
      </vt:variant>
    </vt:vector>
  </HeadingPairs>
  <TitlesOfParts>
    <vt:vector size="22" baseType="lpstr">
      <vt:lpstr>Arial</vt:lpstr>
      <vt:lpstr>Calibri</vt:lpstr>
      <vt:lpstr>Calibri Light</vt:lpstr>
      <vt:lpstr>Open Sans</vt:lpstr>
      <vt:lpstr>Open Sans Semibold</vt:lpstr>
      <vt:lpstr>Segoe UI</vt:lpstr>
      <vt:lpstr>Segoe UI Semibold</vt:lpstr>
      <vt:lpstr>Times New Roman</vt:lpstr>
      <vt:lpstr>Тема Office</vt:lpstr>
      <vt:lpstr>Theme</vt:lpstr>
      <vt:lpstr>Презентация PowerPoint</vt:lpstr>
      <vt:lpstr>Презентация PowerPoint</vt:lpstr>
      <vt:lpstr>Интерактивті элемент 1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Анастасия Калабина</dc:creator>
  <cp:lastModifiedBy>Алтынай Аскаркызы</cp:lastModifiedBy>
  <cp:revision>33</cp:revision>
  <dcterms:created xsi:type="dcterms:W3CDTF">2019-12-09T08:36:04Z</dcterms:created>
  <dcterms:modified xsi:type="dcterms:W3CDTF">2025-04-04T03:03:37Z</dcterms:modified>
</cp:coreProperties>
</file>